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wdp" ContentType="image/vnd.ms-photo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notesSlides/notesSlide1.xml" ContentType="application/vnd.openxmlformats-officedocument.presentationml.notesSlide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notesSlides/notesSlide2.xml" ContentType="application/vnd.openxmlformats-officedocument.presentationml.notesSlide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notesSlides/notesSlide3.xml" ContentType="application/vnd.openxmlformats-officedocument.presentationml.notesSlide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notesSlides/notesSlide4.xml" ContentType="application/vnd.openxmlformats-officedocument.presentationml.notesSlide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notesSlides/notesSlide5.xml" ContentType="application/vnd.openxmlformats-officedocument.presentationml.notesSlide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notesSlides/notesSlide6.xml" ContentType="application/vnd.openxmlformats-officedocument.presentationml.notesSlide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notesSlides/notesSlide7.xml" ContentType="application/vnd.openxmlformats-officedocument.presentationml.notesSlide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notesSlides/notesSlide8.xml" ContentType="application/vnd.openxmlformats-officedocument.presentationml.notesSlid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notesSlides/notesSlide9.xml" ContentType="application/vnd.openxmlformats-officedocument.presentationml.notesSlide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notesSlides/notesSlide10.xml" ContentType="application/vnd.openxmlformats-officedocument.presentationml.notesSlide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notesSlides/notesSlide11.xml" ContentType="application/vnd.openxmlformats-officedocument.presentationml.notesSlide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notesSlides/notesSlide12.xml" ContentType="application/vnd.openxmlformats-officedocument.presentationml.notesSlide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notesSlides/notesSlide13.xml" ContentType="application/vnd.openxmlformats-officedocument.presentationml.notesSlide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notesSlides/notesSlide14.xml" ContentType="application/vnd.openxmlformats-officedocument.presentationml.notesSlide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notesSlides/notesSlide15.xml" ContentType="application/vnd.openxmlformats-officedocument.presentationml.notesSlide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notesSlides/notesSlide16.xml" ContentType="application/vnd.openxmlformats-officedocument.presentationml.notesSlide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notesSlides/notesSlide17.xml" ContentType="application/vnd.openxmlformats-officedocument.presentationml.notesSlide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notesSlides/notesSlide18.xml" ContentType="application/vnd.openxmlformats-officedocument.presentationml.notesSlide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notesSlides/notesSlide19.xml" ContentType="application/vnd.openxmlformats-officedocument.presentationml.notesSlide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notesSlides/notesSlide2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 bookmarkIdSeed="2">
  <p:sldMasterIdLst>
    <p:sldMasterId id="2147485117" r:id="rId4"/>
  </p:sldMasterIdLst>
  <p:notesMasterIdLst>
    <p:notesMasterId r:id="rId25"/>
  </p:notesMasterIdLst>
  <p:handoutMasterIdLst>
    <p:handoutMasterId r:id="rId26"/>
  </p:handoutMasterIdLst>
  <p:sldIdLst>
    <p:sldId id="292" r:id="rId5"/>
    <p:sldId id="294" r:id="rId6"/>
    <p:sldId id="296" r:id="rId7"/>
    <p:sldId id="297" r:id="rId8"/>
    <p:sldId id="299" r:id="rId9"/>
    <p:sldId id="300" r:id="rId10"/>
    <p:sldId id="301" r:id="rId11"/>
    <p:sldId id="304" r:id="rId12"/>
    <p:sldId id="305" r:id="rId13"/>
    <p:sldId id="306" r:id="rId14"/>
    <p:sldId id="307" r:id="rId15"/>
    <p:sldId id="308" r:id="rId16"/>
    <p:sldId id="309" r:id="rId17"/>
    <p:sldId id="310" r:id="rId18"/>
    <p:sldId id="315" r:id="rId19"/>
    <p:sldId id="323" r:id="rId20"/>
    <p:sldId id="330" r:id="rId21"/>
    <p:sldId id="324" r:id="rId22"/>
    <p:sldId id="326" r:id="rId23"/>
    <p:sldId id="328" r:id="rId24"/>
  </p:sldIdLst>
  <p:sldSz cx="12192000" cy="6858000"/>
  <p:notesSz cx="9236075" cy="6950075"/>
  <p:custShowLst>
    <p:custShow name="Format Guide Workshop" id="0">
      <p:sldLst/>
    </p:custShow>
  </p:custShowLst>
  <p:custDataLst>
    <p:tags r:id="rId27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DDFBEC"/>
    <a:srgbClr val="6C927C"/>
    <a:srgbClr val="59717A"/>
    <a:srgbClr val="9A9A9A"/>
    <a:srgbClr val="D58048"/>
    <a:srgbClr val="9B242D"/>
    <a:srgbClr val="7A6A55"/>
    <a:srgbClr val="59452A"/>
    <a:srgbClr val="B6985E"/>
    <a:srgbClr val="CE6B2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032" autoAdjust="0"/>
    <p:restoredTop sz="94693"/>
  </p:normalViewPr>
  <p:slideViewPr>
    <p:cSldViewPr snapToGrid="0">
      <p:cViewPr varScale="1">
        <p:scale>
          <a:sx n="59" d="100"/>
          <a:sy n="59" d="100"/>
        </p:scale>
        <p:origin x="960" y="76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>
        <p:scale>
          <a:sx n="1" d="2"/>
          <a:sy n="1" d="2"/>
        </p:scale>
        <p:origin x="0" y="0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handoutMaster" Target="handoutMasters/handoutMaster1.xml"/><Relationship Id="rId3" Type="http://schemas.openxmlformats.org/officeDocument/2006/relationships/customXml" Target="../customXml/item3.xml"/><Relationship Id="rId21" Type="http://schemas.openxmlformats.org/officeDocument/2006/relationships/slide" Target="slides/slide17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notesMaster" Target="notesMasters/notesMaster1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viewProps" Target="viewProp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presProps" Target="presProps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tableStyles" Target="tableStyle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tags" Target="tags/tag1.xml"/><Relationship Id="rId30" Type="http://schemas.openxmlformats.org/officeDocument/2006/relationships/theme" Target="theme/theme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2"/>
            <a:ext cx="4002299" cy="348711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231641" y="2"/>
            <a:ext cx="4002299" cy="348711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9/29/2025</a:t>
            </a:fld>
            <a:endParaRPr lang="en-US" sz="8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2" y="6601367"/>
            <a:ext cx="4002299" cy="34871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231641" y="6601367"/>
            <a:ext cx="4002299" cy="34871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5406893"/>
            <a:ext cx="9233938" cy="154318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/>
            <a:endParaRPr lang="en-US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09538" y="2"/>
            <a:ext cx="3892763" cy="348711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80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231641" y="2"/>
            <a:ext cx="3894897" cy="348711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80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fld id="{3AD9BDA7-98EF-4344-B91C-30A07E8A84B0}" type="datetimeFigureOut">
              <a:rPr lang="en-US" smtClean="0"/>
              <a:pPr/>
              <a:t>9/29/202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09538" y="209550"/>
            <a:ext cx="9017000" cy="5072063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24053" y="5490869"/>
            <a:ext cx="8987970" cy="674425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09538" y="6601367"/>
            <a:ext cx="3892763" cy="34871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80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231642" y="6601367"/>
            <a:ext cx="3880382" cy="34871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80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  <a:sym typeface="Arial" panose="020B0604020202020204" pitchFamily="34" charset="0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  <a:sym typeface="Arial" panose="020B0604020202020204" pitchFamily="34" charset="0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  <a:sym typeface="Arial" panose="020B0604020202020204" pitchFamily="34" charset="0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  <a:sym typeface="Arial" panose="020B0604020202020204" pitchFamily="34" charset="0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Arial" panose="020B0604020202020204" pitchFamily="34" charset="0"/>
        <a:ea typeface="+mn-ea"/>
        <a:cs typeface="Arial" panose="020B0604020202020204" pitchFamily="34" charset="0"/>
        <a:sym typeface="Arial" panose="020B0604020202020204" pitchFamily="34" charset="0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>
    <p:ext uri="{620B2872-D7B9-4A21-9093-7833F8D536E1}">
      <p15:sldGuideLst xmlns:p15="http://schemas.microsoft.com/office/powerpoint/2012/main">
        <p15:guide id="1" orient="horz" pos="2190" userDrawn="1">
          <p15:clr>
            <a:srgbClr val="F26B43"/>
          </p15:clr>
        </p15:guide>
        <p15:guide id="2" pos="2909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0546991-7FDB-54AE-A831-695D57B118C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792A9287-2913-6989-C3D2-EDE39DA83EED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465ADD67-A05E-AF2A-4325-7AE3B4398D90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80E1EE99-3DB9-FDCA-3DA2-AF5342C4CECE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070615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FD3780C-D618-CE5F-630D-14FBF9B8006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A0180EE8-3C07-2F61-069A-5817208B42DD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172606F1-D81E-F160-C72D-5A53E6A5AFC1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7DC14700-0C4C-FF33-EE2E-765A035D0C99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573282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B1CD684-0F4C-2A53-E728-1CED444019E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EC2F4136-420F-2DDF-E9C6-D1C446043D4D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9173D3A7-89AB-1B39-956C-A47FC3104EE7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82FF38B-3B30-B034-D3F4-B8E9127D1884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2275318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86F1242-86DA-0BA4-DCD4-A64204F0A88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4E506D25-7347-6CE6-0B1A-EE29099D9012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2F5A83DA-4E90-4A69-9F13-632B58A42E00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48060914-310B-8160-8497-E86D2C9E92B9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64154130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C85AFF3-5B7F-0B3F-EFC8-BA55E1D64A9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BFC0B3C1-6AB9-E4D1-CE98-92EB51C1DDEB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7A2EA7F8-AB59-1ED1-49A8-14059AA6AEFB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FDBE312-21E9-1F20-9457-03376F986E13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35090368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E5DC642-C212-6C6A-5206-605262AED5D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1B7B9CB1-92B7-B5B8-43DB-353CC38A62FF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02CFAC78-FCEC-62A0-D440-3D752F3C4183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7478FA57-6C20-1F78-61B5-935D735E6F91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24035753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DA57FCA-1D86-36AC-F59E-FBC110C3FBF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7FD1A8E4-A2E2-16D0-EB97-73C8B9ADA793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0CD22824-E0FF-DCE2-655F-7DF3CD623990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CE29A8B7-F276-CFC1-1E3E-D4A01DD37A9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46224340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D41ED4A-5B82-3B72-57C5-73AAEA59D39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F0AE9EDB-B0EC-C7E8-7BC5-8D17CF6CBFCF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5AE94AC7-1049-C500-CB55-DF19AEF9EBAE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BB595F84-3C55-1431-7594-38A39A3AF1BF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50324212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1BEFF7C-756E-56AD-0B74-CC9E99F0BC1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4C25F8E7-0107-5B0C-4A1D-3C85AC3841D5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5A5FCF35-C49F-07A6-682B-58A58CE220F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AB90EB9F-BAE7-364F-D9BC-EF86DB847E3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63853941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97F8A02A-BD28-357A-DFFA-D31276EC983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D1761CEB-86BF-31F1-3F7D-F452AA142F60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F9100137-906F-239B-AABF-8324F5F9697A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B17845D4-49A7-A14E-11A1-297AC6582BDF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7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04380617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78EFF3B-9E62-E89D-9E8F-081693F8C84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63AD3865-2F41-8E36-313D-8CA762CCBD1D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0E2BAFD3-018C-2E2F-8CED-438FB3388FEB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32A4E30-47CB-4697-92FC-661587EAD3E1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8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7126743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549B949-96A6-17AC-D89D-8C65F06765B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6374C08E-78B1-F632-0E44-7A71C792F5A5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13109D8C-421B-A9A5-FF9B-8AA105C29F3C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06A85D4-B5B2-3459-4237-8FE2E7F8289E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10033689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8BBEE3A-4C14-7873-83A2-39F12FEB780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6A511FF8-21C3-D81D-7AC4-D3E9B5D0CACB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76131F4D-36F3-1D0E-FBAE-2D981C189D1F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059DEAA5-5626-690C-8E22-65EBF26947E0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9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31849810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1131DB1-CDE5-2EED-8187-0E550385ED3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8CE5BEE0-6465-4042-556B-E5420917E464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9D13A625-E7BB-9207-9893-C2462CFE0750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B8121ACD-7BBF-0A15-C978-802EDA0473E5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395351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E112F1AD-11CA-A3AC-8566-8DFD16D3F91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C212CCA2-F5DF-41A2-A769-C0A9AADD3AD5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8DB1A757-6672-5E05-8C1D-5015FDC0EAC9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C59FB9EC-A447-EDC4-421B-2E81C3909EB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3966891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A78A4552-C47F-2103-6209-8E8D3D21E09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5CD9B49E-673B-25A1-4F25-688D0A4FD3A1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E1D776F0-8015-CF28-3725-FD40D748A19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0D982CE5-7660-B71C-3DCF-CB135EF66CF0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76426034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FF3F5B2-BDFD-48AC-066A-CEC54B5CFF9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984E1CC9-596E-5F3E-3D70-ACDB1B663B6B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9FF13B81-861F-88F7-51C3-9824E99E8C8E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A0E08D94-1525-C674-4D5E-CB1D6CEF7F0C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6734236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6AB2749-0565-B54F-E15D-0CA446812B4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8C344E37-080A-56A7-616F-B981FB9AC3F5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CA69A7AA-CCC8-FA78-6928-02F06BE7BA4F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E5BF6EA3-16FA-BC19-A152-CC3749E9BEDB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04275764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015023D-DCF8-2C59-09AC-972481DB488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3AAFE2B1-B59B-138E-1A87-8C1DBD99BB10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C124201B-7D6F-02E1-FC14-1521C5A36DB6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71AC94BF-8D05-3DAA-360E-7A663A2DCB9C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0710123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595204B-794A-5063-A74B-B819B5AA775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53AC22DD-8411-7932-E36E-859F77107D5E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F59FC2EC-7478-3354-54F1-EE095538F23B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7F2156F-68D9-9733-9B79-0C329430C192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1878292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Relationship Id="rId4" Type="http://schemas.openxmlformats.org/officeDocument/2006/relationships/image" Target="../media/image2.pn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Relationship Id="rId6" Type="http://schemas.microsoft.com/office/2007/relationships/hdphoto" Target="../media/hdphoto2.wdp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.xml"/><Relationship Id="rId6" Type="http://schemas.microsoft.com/office/2007/relationships/hdphoto" Target="../media/hdphoto3.wdp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.xml"/><Relationship Id="rId6" Type="http://schemas.microsoft.com/office/2007/relationships/hdphoto" Target="../media/hdphoto4.wdp"/><Relationship Id="rId5" Type="http://schemas.openxmlformats.org/officeDocument/2006/relationships/image" Target="../media/image7.png"/><Relationship Id="rId4" Type="http://schemas.openxmlformats.org/officeDocument/2006/relationships/image" Target="../media/image1.emf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Relationship Id="rId6" Type="http://schemas.microsoft.com/office/2007/relationships/hdphoto" Target="../media/hdphoto3.wdp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Relationship Id="rId6" Type="http://schemas.microsoft.com/office/2007/relationships/hdphoto" Target="../media/hdphoto2.wdp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.xml"/><Relationship Id="rId6" Type="http://schemas.microsoft.com/office/2007/relationships/hdphoto" Target="../media/hdphoto3.wdp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.xml"/><Relationship Id="rId6" Type="http://schemas.microsoft.com/office/2007/relationships/hdphoto" Target="../media/hdphoto2.wdp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Relationship Id="rId6" Type="http://schemas.microsoft.com/office/2007/relationships/hdphoto" Target="../media/hdphoto3.wdp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Relationship Id="rId4" Type="http://schemas.openxmlformats.org/officeDocument/2006/relationships/image" Target="../media/image1.emf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Relationship Id="rId4" Type="http://schemas.openxmlformats.org/officeDocument/2006/relationships/image" Target="../media/image1.emf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.xml"/><Relationship Id="rId4" Type="http://schemas.openxmlformats.org/officeDocument/2006/relationships/image" Target="../media/image1.emf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3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Relationship Id="rId4" Type="http://schemas.openxmlformats.org/officeDocument/2006/relationships/image" Target="../media/image1.emf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Relationship Id="rId4" Type="http://schemas.openxmlformats.org/officeDocument/2006/relationships/image" Target="../media/image1.emf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Relationship Id="rId4" Type="http://schemas.openxmlformats.org/officeDocument/2006/relationships/image" Target="../media/image1.emf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.xml"/><Relationship Id="rId4" Type="http://schemas.openxmlformats.org/officeDocument/2006/relationships/image" Target="../media/image1.emf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.xml"/><Relationship Id="rId4" Type="http://schemas.openxmlformats.org/officeDocument/2006/relationships/image" Target="../media/image1.emf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9.xml"/><Relationship Id="rId4" Type="http://schemas.openxmlformats.org/officeDocument/2006/relationships/image" Target="../media/image2.png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0.xml"/><Relationship Id="rId4" Type="http://schemas.openxmlformats.org/officeDocument/2006/relationships/image" Target="../media/image1.emf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1.xml"/><Relationship Id="rId4" Type="http://schemas.openxmlformats.org/officeDocument/2006/relationships/image" Target="../media/image1.emf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Relationship Id="rId4" Type="http://schemas.openxmlformats.org/officeDocument/2006/relationships/image" Target="../media/image3.emf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2.xml"/><Relationship Id="rId4" Type="http://schemas.openxmlformats.org/officeDocument/2006/relationships/image" Target="../media/image1.emf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3.xml"/><Relationship Id="rId4" Type="http://schemas.openxmlformats.org/officeDocument/2006/relationships/image" Target="../media/image1.emf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4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5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6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7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8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9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0.xml"/><Relationship Id="rId6" Type="http://schemas.microsoft.com/office/2007/relationships/hdphoto" Target="../media/hdphoto2.wdp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1.xml"/><Relationship Id="rId6" Type="http://schemas.microsoft.com/office/2007/relationships/hdphoto" Target="../media/hdphoto3.wdp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Relationship Id="rId4" Type="http://schemas.openxmlformats.org/officeDocument/2006/relationships/image" Target="../media/image1.emf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2.xml"/><Relationship Id="rId6" Type="http://schemas.microsoft.com/office/2007/relationships/hdphoto" Target="../media/hdphoto4.wdp"/><Relationship Id="rId5" Type="http://schemas.openxmlformats.org/officeDocument/2006/relationships/image" Target="../media/image7.png"/><Relationship Id="rId4" Type="http://schemas.openxmlformats.org/officeDocument/2006/relationships/image" Target="../media/image1.emf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3.xml"/><Relationship Id="rId6" Type="http://schemas.microsoft.com/office/2007/relationships/hdphoto" Target="../media/hdphoto3.wdp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4.xml"/><Relationship Id="rId6" Type="http://schemas.microsoft.com/office/2007/relationships/hdphoto" Target="../media/hdphoto2.wdp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Relationship Id="rId6" Type="http://schemas.microsoft.com/office/2007/relationships/hdphoto" Target="../media/hdphoto3.wdp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6.xml"/><Relationship Id="rId6" Type="http://schemas.microsoft.com/office/2007/relationships/hdphoto" Target="../media/hdphoto2.wdp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7.xml"/><Relationship Id="rId6" Type="http://schemas.microsoft.com/office/2007/relationships/hdphoto" Target="../media/hdphoto3.wdp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8.xml"/><Relationship Id="rId4" Type="http://schemas.openxmlformats.org/officeDocument/2006/relationships/image" Target="../media/image1.emf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9.xml"/><Relationship Id="rId4" Type="http://schemas.openxmlformats.org/officeDocument/2006/relationships/image" Target="../media/image1.emf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1.xml"/><Relationship Id="rId4" Type="http://schemas.openxmlformats.org/officeDocument/2006/relationships/image" Target="../media/image1.emf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Relationship Id="rId4" Type="http://schemas.openxmlformats.org/officeDocument/2006/relationships/image" Target="../media/image1.emf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2.xml"/><Relationship Id="rId6" Type="http://schemas.microsoft.com/office/2007/relationships/hdphoto" Target="../media/hdphoto2.wdp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3.xml"/><Relationship Id="rId4" Type="http://schemas.openxmlformats.org/officeDocument/2006/relationships/image" Target="../media/image1.emf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4.xml"/><Relationship Id="rId4" Type="http://schemas.openxmlformats.org/officeDocument/2006/relationships/image" Target="../media/image1.emf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5.xml"/><Relationship Id="rId4" Type="http://schemas.openxmlformats.org/officeDocument/2006/relationships/image" Target="../media/image1.emf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6.xml"/><Relationship Id="rId4" Type="http://schemas.openxmlformats.org/officeDocument/2006/relationships/image" Target="../media/image1.emf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Relationship Id="rId6" Type="http://schemas.microsoft.com/office/2007/relationships/hdphoto" Target="../media/hdphoto1.wdp"/><Relationship Id="rId5" Type="http://schemas.openxmlformats.org/officeDocument/2006/relationships/image" Target="../media/image4.png"/><Relationship Id="rId4" Type="http://schemas.openxmlformats.org/officeDocument/2006/relationships/image" Target="../media/image1.emf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4728" name="Rectangle 152" hidden="1"/>
          <p:cNvGraphicFramePr>
            <a:graphicFrameLocks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81738679"/>
              </p:ext>
            </p:extLst>
          </p:nvPr>
        </p:nvGraphicFramePr>
        <p:xfrm>
          <a:off x="0" y="1"/>
          <a:ext cx="211667" cy="15875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0" imgH="0" progId="TCLayout.ActiveDocument.1">
                  <p:embed/>
                </p:oleObj>
              </mc:Choice>
              <mc:Fallback>
                <p:oleObj name="think-cell Slide" r:id="rId3" imgW="0" imgH="0" progId="TCLayout.ActiveDocument.1">
                  <p:embed/>
                  <p:pic>
                    <p:nvPicPr>
                      <p:cNvPr id="24728" name="Rectangle 152" hidden="1"/>
                      <p:cNvPicPr preferRelativeResize="0">
                        <a:picLocks noChangeArrowheads="1"/>
                      </p:cNvPicPr>
                      <p:nvPr/>
                    </p:nvPicPr>
                    <p:blipFill>
                      <a:blip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1"/>
                        <a:ext cx="211667" cy="158751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 descr="Gates-logo.png"/>
          <p:cNvPicPr>
            <a:picLocks noChangeAspect="1"/>
          </p:cNvPicPr>
          <p:nvPr userDrawn="1"/>
        </p:nvPicPr>
        <p:blipFill>
          <a:blip r:embed="rId4" cstate="print"/>
          <a:stretch>
            <a:fillRect/>
          </a:stretch>
        </p:blipFill>
        <p:spPr>
          <a:xfrm>
            <a:off x="9257939" y="1"/>
            <a:ext cx="2266406" cy="2266406"/>
          </a:xfrm>
          <a:prstGeom prst="rect">
            <a:avLst/>
          </a:prstGeom>
        </p:spPr>
      </p:pic>
      <p:sp>
        <p:nvSpPr>
          <p:cNvPr id="28" name="Text Placeholder 27"/>
          <p:cNvSpPr>
            <a:spLocks noGrp="1"/>
          </p:cNvSpPr>
          <p:nvPr>
            <p:ph type="body" sz="quarter" idx="12" hasCustomPrompt="1"/>
          </p:nvPr>
        </p:nvSpPr>
        <p:spPr>
          <a:xfrm>
            <a:off x="655412" y="5322674"/>
            <a:ext cx="10846197" cy="760868"/>
          </a:xfrm>
        </p:spPr>
        <p:txBody>
          <a:bodyPr/>
          <a:lstStyle>
            <a:lvl1pPr marL="1588" marR="0" indent="0" algn="l" defTabSz="889000" rtl="0" eaLnBrk="1" fontAlgn="base" latinLnBrk="0" hangingPunct="1">
              <a:lnSpc>
                <a:spcPts val="17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>
                <a:solidFill>
                  <a:schemeClr val="accent5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marL="1588" marR="0" lvl="0" indent="0" algn="l" defTabSz="889000" rtl="0" eaLnBrk="1" fontAlgn="base" latinLnBrk="0" hangingPunct="1">
              <a:lnSpc>
                <a:spcPts val="17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+mn-lt"/>
                <a:ea typeface="+mn-ea"/>
                <a:cs typeface="Arial"/>
              </a:rPr>
              <a:t>Presenters (Arial 12 pt, gray)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1" hasCustomPrompt="1"/>
          </p:nvPr>
        </p:nvSpPr>
        <p:spPr>
          <a:xfrm>
            <a:off x="655412" y="4755746"/>
            <a:ext cx="10868934" cy="274636"/>
          </a:xfrm>
        </p:spPr>
        <p:txBody>
          <a:bodyPr anchor="ctr"/>
          <a:lstStyle>
            <a:lvl1pPr marL="0" marR="0" indent="0" algn="l" defTabSz="8890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Tx/>
              <a:buNone/>
              <a:tabLst/>
              <a:defRPr>
                <a:solidFill>
                  <a:schemeClr val="accent5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marL="0" marR="0" lvl="0" indent="0" algn="l" defTabSz="8890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Date (Arial 12 pt, gray)</a:t>
            </a:r>
          </a:p>
        </p:txBody>
      </p:sp>
      <p:cxnSp>
        <p:nvCxnSpPr>
          <p:cNvPr id="30" name="Straight Connector 29"/>
          <p:cNvCxnSpPr/>
          <p:nvPr userDrawn="1"/>
        </p:nvCxnSpPr>
        <p:spPr>
          <a:xfrm flipV="1">
            <a:off x="655411" y="4337432"/>
            <a:ext cx="10846198" cy="0"/>
          </a:xfrm>
          <a:prstGeom prst="line">
            <a:avLst/>
          </a:prstGeom>
          <a:ln w="19050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Text Placeholder 3"/>
          <p:cNvSpPr>
            <a:spLocks noGrp="1"/>
          </p:cNvSpPr>
          <p:nvPr>
            <p:ph type="body" sz="quarter" idx="13" hasCustomPrompt="1"/>
          </p:nvPr>
        </p:nvSpPr>
        <p:spPr>
          <a:xfrm>
            <a:off x="655412" y="3671232"/>
            <a:ext cx="10868934" cy="440163"/>
          </a:xfrm>
        </p:spPr>
        <p:txBody>
          <a:bodyPr vert="horz" lIns="0" tIns="0" rIns="0" bIns="0" rtlCol="0" anchor="ctr">
            <a:noAutofit/>
          </a:bodyPr>
          <a:lstStyle>
            <a:lvl1pPr>
              <a:defRPr kumimoji="0" lang="en-US" sz="1400" b="0" i="0" u="none" strike="noStrike" kern="0" cap="none" spc="0" normalizeH="0" baseline="0" dirty="0">
                <a:ln>
                  <a:noFill/>
                </a:ln>
                <a:solidFill>
                  <a:srgbClr val="9B242D"/>
                </a:solidFill>
                <a:effectLst/>
                <a:uLnTx/>
                <a:uFillTx/>
                <a:latin typeface="+mn-lt"/>
                <a:cs typeface="Arial"/>
              </a:defRPr>
            </a:lvl1pPr>
          </a:lstStyle>
          <a:p>
            <a:pPr marR="0" lvl="0" defTabSz="889000" fontAlgn="base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/>
              <a:t>Subtitle in Title Case (Arial 14 </a:t>
            </a:r>
            <a:r>
              <a:rPr lang="en-US" err="1"/>
              <a:t>pt</a:t>
            </a:r>
            <a:r>
              <a:rPr lang="en-US"/>
              <a:t>, Red)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4" hasCustomPrompt="1"/>
          </p:nvPr>
        </p:nvSpPr>
        <p:spPr>
          <a:xfrm>
            <a:off x="655411" y="2883500"/>
            <a:ext cx="10868933" cy="699363"/>
          </a:xfrm>
        </p:spPr>
        <p:txBody>
          <a:bodyPr anchor="ctr"/>
          <a:lstStyle>
            <a:lvl1pPr>
              <a:defRPr sz="2400"/>
            </a:lvl1pPr>
          </a:lstStyle>
          <a:p>
            <a:pPr lvl="0"/>
            <a:r>
              <a:rPr lang="en-US"/>
              <a:t>Title in Title Case (Arial 24 </a:t>
            </a:r>
            <a:r>
              <a:rPr lang="en-US" err="1"/>
              <a:t>pt</a:t>
            </a:r>
            <a:r>
              <a:rPr lang="en-US"/>
              <a:t>, Black)</a:t>
            </a:r>
          </a:p>
        </p:txBody>
      </p:sp>
    </p:spTree>
    <p:extLst>
      <p:ext uri="{BB962C8B-B14F-4D97-AF65-F5344CB8AC3E}">
        <p14:creationId xmlns:p14="http://schemas.microsoft.com/office/powerpoint/2010/main" val="41970460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388880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0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632809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7479022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2"/>
          <p:cNvPicPr>
            <a:picLocks noChangeAspect="1" noChangeArrowheads="1"/>
          </p:cNvPicPr>
          <p:nvPr userDrawn="1"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aseline="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4167257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9759652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2400" baseline="0">
                <a:solidFill>
                  <a:srgbClr val="FFFFFF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41308" y="3402828"/>
            <a:ext cx="2694666" cy="3461745"/>
          </a:xfrm>
          <a:prstGeom prst="rect">
            <a:avLst/>
          </a:prstGeom>
        </p:spPr>
      </p:pic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6791741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9204802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2"/>
          <p:cNvPicPr>
            <a:picLocks noChangeAspect="1" noChangeArrowheads="1"/>
          </p:cNvPicPr>
          <p:nvPr userDrawn="1"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33900" y="3395662"/>
            <a:ext cx="1298575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="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0092082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1390217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="0">
                <a:solidFill>
                  <a:srgbClr val="FFFFFF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20" name="Picture 19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49481" y="3416300"/>
            <a:ext cx="2694666" cy="3441700"/>
          </a:xfrm>
          <a:prstGeom prst="rect">
            <a:avLst/>
          </a:prstGeom>
        </p:spPr>
      </p:pic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974192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0163968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2"/>
          <p:cNvPicPr>
            <a:picLocks noChangeAspect="1" noChangeArrowheads="1"/>
          </p:cNvPicPr>
          <p:nvPr userDrawn="1"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78758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4673646" cy="697576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0" i="0" u="none" kern="1200" spc="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692871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4899579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4673646" cy="697576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0" i="0" u="none" kern="1200" spc="0">
                <a:solidFill>
                  <a:srgbClr val="FFFFFF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7" name="Picture 16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28422" y="3407803"/>
            <a:ext cx="2694666" cy="3456551"/>
          </a:xfrm>
          <a:prstGeom prst="rect">
            <a:avLst/>
          </a:prstGeom>
        </p:spPr>
      </p:pic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0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438078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6463835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6256800" cy="697576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0" i="0" u="none" kern="1200" spc="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0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5" name="Rectangle 14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800280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894731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6256800" cy="697576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0" i="0" u="none" kern="1200" spc="0">
                <a:solidFill>
                  <a:srgbClr val="FFFFFF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24770" y="3407803"/>
            <a:ext cx="2694666" cy="3456551"/>
          </a:xfrm>
          <a:prstGeom prst="rect">
            <a:avLst/>
          </a:prstGeom>
        </p:spPr>
      </p:pic>
      <p:sp>
        <p:nvSpPr>
          <p:cNvPr id="14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0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3698657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5250004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70558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6121026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11106151" cy="697576"/>
          </a:xfrm>
          <a:prstGeom prst="rect">
            <a:avLst/>
          </a:prstGeom>
        </p:spPr>
        <p:txBody>
          <a:bodyPr vert="horz" wrap="square" lIns="0" tIns="0" rIns="0" bIns="0" anchor="t" anchorCtr="0">
            <a:no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0" i="0" u="none" kern="1200" spc="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636104" y="6457448"/>
            <a:ext cx="10946296" cy="0"/>
          </a:xfrm>
          <a:prstGeom prst="line">
            <a:avLst/>
          </a:prstGeom>
          <a:noFill/>
          <a:ln w="6350" cap="flat" cmpd="sng" algn="ctr">
            <a:solidFill>
              <a:srgbClr val="8CB7C7">
                <a:lumMod val="75000"/>
              </a:srgbClr>
            </a:solidFill>
            <a:prstDash val="solid"/>
          </a:ln>
          <a:effectLst/>
        </p:spPr>
      </p:cxnSp>
    </p:spTree>
    <p:extLst>
      <p:ext uri="{BB962C8B-B14F-4D97-AF65-F5344CB8AC3E}">
        <p14:creationId xmlns:p14="http://schemas.microsoft.com/office/powerpoint/2010/main" val="1657312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3270442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636104" y="6457448"/>
            <a:ext cx="10946296" cy="0"/>
          </a:xfrm>
          <a:prstGeom prst="line">
            <a:avLst/>
          </a:prstGeom>
          <a:noFill/>
          <a:ln w="6350" cap="flat" cmpd="sng" algn="ctr">
            <a:solidFill>
              <a:srgbClr val="8CB7C7">
                <a:lumMod val="75000"/>
              </a:srgbClr>
            </a:solidFill>
            <a:prstDash val="solid"/>
          </a:ln>
          <a:effectLst/>
        </p:spPr>
      </p:cxnSp>
    </p:spTree>
    <p:extLst>
      <p:ext uri="{BB962C8B-B14F-4D97-AF65-F5344CB8AC3E}">
        <p14:creationId xmlns:p14="http://schemas.microsoft.com/office/powerpoint/2010/main" val="3379662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3265205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2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7" name="Rectangle 6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202179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6092549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486834" y="488882"/>
            <a:ext cx="10933200" cy="697576"/>
          </a:xfrm>
        </p:spPr>
        <p:txBody>
          <a:bodyPr/>
          <a:lstStyle>
            <a:lvl1pPr>
              <a:defRPr sz="2400"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9" name="Rectangle 8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8300739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2001312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014252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2354431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7" name="Rectangle 6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902310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2605036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824906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9634095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  <a:sym typeface="Arial" panose="020B0604020202020204" pitchFamily="34" charset="0"/>
                </a:rPr>
                <a:t>1. xxxx  2. xxxx  3. xxxx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  <a:sym typeface="Arial" panose="020B0604020202020204" pitchFamily="34" charset="0"/>
                </a:rPr>
                <a:t>Note: List footnotes in numerical order. Footnote numbers are not bracketed. Use 10pt font.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  <a:sym typeface="Arial" panose="020B0604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3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6959937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4728" name="Rectangle 152" hidden="1"/>
          <p:cNvGraphicFramePr>
            <a:graphicFrameLocks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86261770"/>
              </p:ext>
            </p:extLst>
          </p:nvPr>
        </p:nvGraphicFramePr>
        <p:xfrm>
          <a:off x="0" y="1"/>
          <a:ext cx="211667" cy="15875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0" imgH="0" progId="TCLayout.ActiveDocument.1">
                  <p:embed/>
                </p:oleObj>
              </mc:Choice>
              <mc:Fallback>
                <p:oleObj name="think-cell Slide" r:id="rId3" imgW="0" imgH="0" progId="TCLayout.ActiveDocument.1">
                  <p:embed/>
                  <p:pic>
                    <p:nvPicPr>
                      <p:cNvPr id="24728" name="Rectangle 152" hidden="1"/>
                      <p:cNvPicPr preferRelativeResize="0">
                        <a:picLocks noChangeArrowheads="1"/>
                      </p:cNvPicPr>
                      <p:nvPr/>
                    </p:nvPicPr>
                    <p:blipFill>
                      <a:blip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1"/>
                        <a:ext cx="211667" cy="158751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 descr="Gates-logo.png"/>
          <p:cNvPicPr>
            <a:picLocks noChangeAspect="1"/>
          </p:cNvPicPr>
          <p:nvPr userDrawn="1"/>
        </p:nvPicPr>
        <p:blipFill>
          <a:blip r:embed="rId4" cstate="print"/>
          <a:stretch>
            <a:fillRect/>
          </a:stretch>
        </p:blipFill>
        <p:spPr>
          <a:xfrm>
            <a:off x="9257939" y="1"/>
            <a:ext cx="2266406" cy="2266406"/>
          </a:xfrm>
          <a:prstGeom prst="rect">
            <a:avLst/>
          </a:prstGeom>
        </p:spPr>
      </p:pic>
      <p:sp>
        <p:nvSpPr>
          <p:cNvPr id="11" name="Text Placeholder 27"/>
          <p:cNvSpPr>
            <a:spLocks noGrp="1"/>
          </p:cNvSpPr>
          <p:nvPr>
            <p:ph type="body" sz="quarter" idx="12" hasCustomPrompt="1"/>
          </p:nvPr>
        </p:nvSpPr>
        <p:spPr>
          <a:xfrm>
            <a:off x="655412" y="5322674"/>
            <a:ext cx="10846197" cy="760868"/>
          </a:xfrm>
        </p:spPr>
        <p:txBody>
          <a:bodyPr/>
          <a:lstStyle>
            <a:lvl1pPr marL="1588" marR="0" indent="0" algn="l" defTabSz="889000" rtl="0" eaLnBrk="1" fontAlgn="base" latinLnBrk="0" hangingPunct="1">
              <a:lnSpc>
                <a:spcPts val="17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marL="1588" marR="0" lvl="0" indent="0" algn="l" defTabSz="889000" rtl="0" eaLnBrk="1" fontAlgn="base" latinLnBrk="0" hangingPunct="1">
              <a:lnSpc>
                <a:spcPts val="17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+mn-lt"/>
                <a:ea typeface="+mn-ea"/>
                <a:cs typeface="Arial"/>
              </a:rPr>
              <a:t>Presenters (Arial 12 pt, gray)</a:t>
            </a:r>
          </a:p>
        </p:txBody>
      </p:sp>
      <p:sp>
        <p:nvSpPr>
          <p:cNvPr id="14" name="Text Placeholder 7"/>
          <p:cNvSpPr>
            <a:spLocks noGrp="1"/>
          </p:cNvSpPr>
          <p:nvPr>
            <p:ph type="body" sz="quarter" idx="11" hasCustomPrompt="1"/>
          </p:nvPr>
        </p:nvSpPr>
        <p:spPr>
          <a:xfrm>
            <a:off x="655412" y="4755746"/>
            <a:ext cx="10868934" cy="274636"/>
          </a:xfrm>
        </p:spPr>
        <p:txBody>
          <a:bodyPr anchor="ctr"/>
          <a:lstStyle>
            <a:lvl1pPr marL="0" marR="0" indent="0" algn="l" defTabSz="8890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Tx/>
              <a:buNone/>
              <a:tabLst/>
              <a:defRPr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marL="0" marR="0" lvl="0" indent="0" algn="l" defTabSz="8890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Date (Arial 12 pt, gray)</a:t>
            </a:r>
          </a:p>
        </p:txBody>
      </p:sp>
      <p:cxnSp>
        <p:nvCxnSpPr>
          <p:cNvPr id="15" name="Straight Connector 14"/>
          <p:cNvCxnSpPr/>
          <p:nvPr userDrawn="1"/>
        </p:nvCxnSpPr>
        <p:spPr>
          <a:xfrm flipV="1">
            <a:off x="655411" y="4337432"/>
            <a:ext cx="10846198" cy="0"/>
          </a:xfrm>
          <a:prstGeom prst="line">
            <a:avLst/>
          </a:prstGeom>
          <a:ln w="19050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 Placeholder 3"/>
          <p:cNvSpPr>
            <a:spLocks noGrp="1"/>
          </p:cNvSpPr>
          <p:nvPr>
            <p:ph type="body" sz="quarter" idx="13" hasCustomPrompt="1"/>
          </p:nvPr>
        </p:nvSpPr>
        <p:spPr>
          <a:xfrm>
            <a:off x="655412" y="3671232"/>
            <a:ext cx="10868934" cy="440163"/>
          </a:xfrm>
        </p:spPr>
        <p:txBody>
          <a:bodyPr vert="horz" lIns="0" tIns="0" rIns="0" bIns="0" rtlCol="0" anchor="ctr">
            <a:noAutofit/>
          </a:bodyPr>
          <a:lstStyle>
            <a:lvl1pPr>
              <a:defRPr kumimoji="0" lang="en-US" sz="1400" b="0" i="0" u="none" strike="noStrike" kern="0" cap="none" spc="0" normalizeH="0" baseline="0" dirty="0">
                <a:ln>
                  <a:noFill/>
                </a:ln>
                <a:solidFill>
                  <a:srgbClr val="9B242D"/>
                </a:solidFill>
                <a:effectLst/>
                <a:uLnTx/>
                <a:uFillTx/>
                <a:latin typeface="+mn-lt"/>
                <a:cs typeface="Arial"/>
              </a:defRPr>
            </a:lvl1pPr>
          </a:lstStyle>
          <a:p>
            <a:pPr marR="0" lvl="0" defTabSz="889000" fontAlgn="base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/>
              <a:t>Subtitle in Title Case (Arial 14 </a:t>
            </a:r>
            <a:r>
              <a:rPr lang="en-US" err="1"/>
              <a:t>pt</a:t>
            </a:r>
            <a:r>
              <a:rPr lang="en-US"/>
              <a:t>, Red)</a:t>
            </a:r>
          </a:p>
        </p:txBody>
      </p:sp>
      <p:sp>
        <p:nvSpPr>
          <p:cNvPr id="10" name="Text Placeholder 4"/>
          <p:cNvSpPr>
            <a:spLocks noGrp="1"/>
          </p:cNvSpPr>
          <p:nvPr>
            <p:ph type="body" sz="quarter" idx="14" hasCustomPrompt="1"/>
          </p:nvPr>
        </p:nvSpPr>
        <p:spPr>
          <a:xfrm>
            <a:off x="655411" y="2883500"/>
            <a:ext cx="10868933" cy="699363"/>
          </a:xfrm>
        </p:spPr>
        <p:txBody>
          <a:bodyPr anchor="ctr"/>
          <a:lstStyle>
            <a:lvl1pPr>
              <a:defRPr sz="2400"/>
            </a:lvl1pPr>
          </a:lstStyle>
          <a:p>
            <a:pPr lvl="0"/>
            <a:r>
              <a:rPr lang="en-US"/>
              <a:t>Title in Title Case (Arial 24 </a:t>
            </a:r>
            <a:r>
              <a:rPr lang="en-US" err="1"/>
              <a:t>pt</a:t>
            </a:r>
            <a:r>
              <a:rPr lang="en-US"/>
              <a:t>, Black)</a:t>
            </a:r>
          </a:p>
        </p:txBody>
      </p:sp>
    </p:spTree>
    <p:extLst>
      <p:ext uri="{BB962C8B-B14F-4D97-AF65-F5344CB8AC3E}">
        <p14:creationId xmlns:p14="http://schemas.microsoft.com/office/powerpoint/2010/main" val="15231661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5042941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11106151" cy="697576"/>
          </a:xfrm>
        </p:spPr>
        <p:txBody>
          <a:bodyPr>
            <a:noAutofit/>
          </a:bodyPr>
          <a:lstStyle>
            <a:lvl1pPr>
              <a:defRPr sz="2400"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636104" y="6457448"/>
            <a:ext cx="10946296" cy="0"/>
          </a:xfrm>
          <a:prstGeom prst="line">
            <a:avLst/>
          </a:prstGeom>
          <a:noFill/>
          <a:ln w="6350" cap="flat" cmpd="sng" algn="ctr">
            <a:solidFill>
              <a:srgbClr val="8CB7C7">
                <a:lumMod val="75000"/>
              </a:srgbClr>
            </a:solidFill>
            <a:prstDash val="solid"/>
          </a:ln>
          <a:effectLst/>
        </p:spPr>
      </p:cxnSp>
    </p:spTree>
    <p:extLst>
      <p:ext uri="{BB962C8B-B14F-4D97-AF65-F5344CB8AC3E}">
        <p14:creationId xmlns:p14="http://schemas.microsoft.com/office/powerpoint/2010/main" val="2220698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 userDrawn="1">
          <p15:clr>
            <a:srgbClr val="FBAE40"/>
          </p15:clr>
        </p15:guide>
      </p15:sldGuideLst>
    </p:ext>
  </p:extLs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1635834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636104" y="6457448"/>
            <a:ext cx="10946296" cy="0"/>
          </a:xfrm>
          <a:prstGeom prst="line">
            <a:avLst/>
          </a:prstGeom>
          <a:noFill/>
          <a:ln w="6350" cap="flat" cmpd="sng" algn="ctr">
            <a:solidFill>
              <a:srgbClr val="8CB7C7">
                <a:lumMod val="75000"/>
              </a:srgbClr>
            </a:solidFill>
            <a:prstDash val="solid"/>
          </a:ln>
          <a:effectLst/>
        </p:spPr>
      </p:cxnSp>
      <p:sp>
        <p:nvSpPr>
          <p:cNvPr id="12" name="Rectangle 11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900753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 userDrawn="1">
          <p15:clr>
            <a:srgbClr val="FBAE40"/>
          </p15:clr>
        </p15:guide>
        <p15:guide id="2" pos="3840" userDrawn="1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2743766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1" imgH="325" progId="TCLayout.ActiveDocument.1">
                  <p:embed/>
                </p:oleObj>
              </mc:Choice>
              <mc:Fallback>
                <p:oleObj name="think-cell Slide" r:id="rId3" imgW="321" imgH="325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cxnSp>
        <p:nvCxnSpPr>
          <p:cNvPr id="12" name="Straight Connector 11"/>
          <p:cNvCxnSpPr/>
          <p:nvPr userDrawn="1"/>
        </p:nvCxnSpPr>
        <p:spPr>
          <a:xfrm>
            <a:off x="636104" y="6457448"/>
            <a:ext cx="10946296" cy="0"/>
          </a:xfrm>
          <a:prstGeom prst="line">
            <a:avLst/>
          </a:prstGeom>
          <a:noFill/>
          <a:ln w="6350" cap="flat" cmpd="sng" algn="ctr">
            <a:solidFill>
              <a:srgbClr val="8CB7C7">
                <a:lumMod val="75000"/>
              </a:srgbClr>
            </a:solidFill>
            <a:prstDash val="solid"/>
          </a:ln>
          <a:effectLst/>
        </p:spPr>
      </p:cxnSp>
      <p:sp>
        <p:nvSpPr>
          <p:cNvPr id="13" name="Rectangle 12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052710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0728653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636104" y="6457448"/>
            <a:ext cx="10946296" cy="0"/>
          </a:xfrm>
          <a:prstGeom prst="line">
            <a:avLst/>
          </a:prstGeom>
          <a:noFill/>
          <a:ln w="6350" cap="flat" cmpd="sng" algn="ctr">
            <a:solidFill>
              <a:srgbClr val="8CB7C7">
                <a:lumMod val="75000"/>
              </a:srgbClr>
            </a:solidFill>
            <a:prstDash val="solid"/>
          </a:ln>
          <a:effectLst/>
        </p:spPr>
      </p:cxnSp>
    </p:spTree>
    <p:extLst>
      <p:ext uri="{BB962C8B-B14F-4D97-AF65-F5344CB8AC3E}">
        <p14:creationId xmlns:p14="http://schemas.microsoft.com/office/powerpoint/2010/main" val="2819904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3492936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tx2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Straight Connector 5"/>
          <p:cNvCxnSpPr/>
          <p:nvPr userDrawn="1"/>
        </p:nvCxnSpPr>
        <p:spPr>
          <a:xfrm>
            <a:off x="636104" y="6457448"/>
            <a:ext cx="10946296" cy="0"/>
          </a:xfrm>
          <a:prstGeom prst="line">
            <a:avLst/>
          </a:prstGeom>
          <a:noFill/>
          <a:ln w="6350" cap="flat" cmpd="sng" algn="ctr">
            <a:solidFill>
              <a:srgbClr val="8CB7C7">
                <a:lumMod val="75000"/>
              </a:srgbClr>
            </a:solidFill>
            <a:prstDash val="solid"/>
          </a:ln>
          <a:effectLst/>
        </p:spPr>
      </p:cxnSp>
    </p:spTree>
    <p:extLst>
      <p:ext uri="{BB962C8B-B14F-4D97-AF65-F5344CB8AC3E}">
        <p14:creationId xmlns:p14="http://schemas.microsoft.com/office/powerpoint/2010/main" val="580523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0049878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6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522366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4197037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6276529" cy="697576"/>
          </a:xfrm>
          <a:prstGeom prst="rect">
            <a:avLst/>
          </a:prstGeom>
        </p:spPr>
        <p:txBody>
          <a:bodyPr/>
          <a:lstStyle>
            <a:lvl1pPr>
              <a:defRPr sz="2400"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4829456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5382305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24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8101584" cy="697576"/>
          </a:xfrm>
          <a:prstGeom prst="rect">
            <a:avLst/>
          </a:prstGeom>
        </p:spPr>
        <p:txBody>
          <a:bodyPr/>
          <a:lstStyle>
            <a:lvl1pPr>
              <a:defRPr sz="2400"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793922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7030201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06045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8567675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4" name="Rectangle 13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9301659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0509314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1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4" name="Rectangle 13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290578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2808921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2"/>
          <p:cNvPicPr>
            <a:picLocks noChangeAspect="1" noChangeArrowheads="1"/>
          </p:cNvPicPr>
          <p:nvPr userDrawn="1"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94232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0703640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2400">
                <a:solidFill>
                  <a:srgbClr val="FFFFFF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41308" y="3402828"/>
            <a:ext cx="2694666" cy="3461745"/>
          </a:xfrm>
          <a:prstGeom prst="rect">
            <a:avLst/>
          </a:prstGeom>
        </p:spPr>
      </p:pic>
      <p:sp>
        <p:nvSpPr>
          <p:cNvPr id="13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9979161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392425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4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>
            <a:defPPr>
              <a:defRPr lang="en-US"/>
            </a:defPPr>
            <a:lvl1pPr algn="r" defTabSz="889000" fontAlgn="base">
              <a:spcBef>
                <a:spcPct val="0"/>
              </a:spcBef>
              <a:defRPr sz="600">
                <a:solidFill>
                  <a:srgbClr val="59452A"/>
                </a:solidFill>
                <a:latin typeface="+mj-lt"/>
                <a:cs typeface="Arial" pitchFamily="34" charset="0"/>
              </a:defRPr>
            </a:lvl1pPr>
          </a:lstStyle>
          <a:p>
            <a:pPr lvl="0"/>
            <a:fld id="{0AAE6F06-DF1F-4AFE-8A52-B806E3E9D437}" type="slidenum">
              <a:rPr lang="en-US" smtClean="0">
                <a:solidFill>
                  <a:srgbClr val="FFFFFF"/>
                </a:solidFill>
              </a:rPr>
              <a:pPr lvl="0"/>
              <a:t>‹#›</a:t>
            </a:fld>
            <a:endParaRPr lang="en-US">
              <a:solidFill>
                <a:srgbClr val="FFFFFF"/>
              </a:solidFill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712323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9131328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8" name="Picture 2"/>
          <p:cNvPicPr>
            <a:picLocks noChangeAspect="1" noChangeArrowheads="1"/>
          </p:cNvPicPr>
          <p:nvPr userDrawn="1"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33900" y="3382962"/>
            <a:ext cx="1298575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="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7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037699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8371423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="0">
                <a:solidFill>
                  <a:srgbClr val="FFFFFF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7" name="Picture 16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49481" y="3416300"/>
            <a:ext cx="2694666" cy="3441700"/>
          </a:xfrm>
          <a:prstGeom prst="rect">
            <a:avLst/>
          </a:pr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589356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8964000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78758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4747822" cy="697576"/>
          </a:xfrm>
          <a:prstGeom prst="rect">
            <a:avLst/>
          </a:prstGeom>
        </p:spPr>
        <p:txBody>
          <a:bodyPr/>
          <a:lstStyle>
            <a:lvl1pPr>
              <a:defRPr sz="2400"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569809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9954288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4747822" cy="697576"/>
          </a:xfrm>
          <a:prstGeom prst="rect">
            <a:avLst/>
          </a:prstGeom>
        </p:spPr>
        <p:txBody>
          <a:bodyPr/>
          <a:lstStyle>
            <a:lvl1pPr>
              <a:defRPr sz="2400">
                <a:solidFill>
                  <a:srgbClr val="FFFFFF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28422" y="3407803"/>
            <a:ext cx="2694666" cy="3456551"/>
          </a:xfrm>
          <a:prstGeom prst="rect">
            <a:avLst/>
          </a:prstGeom>
        </p:spPr>
      </p:pic>
      <p:sp>
        <p:nvSpPr>
          <p:cNvPr id="12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8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969027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4825056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41" y="358801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6254496" cy="697576"/>
          </a:xfrm>
          <a:prstGeom prst="rect">
            <a:avLst/>
          </a:prstGeom>
        </p:spPr>
        <p:txBody>
          <a:bodyPr/>
          <a:lstStyle>
            <a:lvl1pPr>
              <a:defRPr sz="2400"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256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4898958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6254496" cy="697576"/>
          </a:xfrm>
          <a:prstGeom prst="rect">
            <a:avLst/>
          </a:prstGeom>
        </p:spPr>
        <p:txBody>
          <a:bodyPr/>
          <a:lstStyle>
            <a:lvl1pPr>
              <a:defRPr sz="2400">
                <a:solidFill>
                  <a:srgbClr val="FFFFFF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24770" y="3407803"/>
            <a:ext cx="2694666" cy="3456551"/>
          </a:xfrm>
          <a:prstGeom prst="rect">
            <a:avLst/>
          </a:prstGeom>
        </p:spPr>
      </p:pic>
      <p:sp>
        <p:nvSpPr>
          <p:cNvPr id="11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9849398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8041078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3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9" name="Rectangle 8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585075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886558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cxnSp>
        <p:nvCxnSpPr>
          <p:cNvPr id="9" name="Straight Connector 8"/>
          <p:cNvCxnSpPr/>
          <p:nvPr userDrawn="1"/>
        </p:nvCxnSpPr>
        <p:spPr>
          <a:xfrm>
            <a:off x="636104" y="6457448"/>
            <a:ext cx="10946296" cy="0"/>
          </a:xfrm>
          <a:prstGeom prst="line">
            <a:avLst/>
          </a:prstGeom>
          <a:noFill/>
          <a:ln w="6350" cap="flat" cmpd="sng" algn="ctr">
            <a:solidFill>
              <a:srgbClr val="8CB7C7">
                <a:lumMod val="75000"/>
              </a:srgbClr>
            </a:solidFill>
            <a:prstDash val="solid"/>
          </a:ln>
          <a:effectLst/>
        </p:spPr>
      </p:cxnSp>
    </p:spTree>
    <p:extLst>
      <p:ext uri="{BB962C8B-B14F-4D97-AF65-F5344CB8AC3E}">
        <p14:creationId xmlns:p14="http://schemas.microsoft.com/office/powerpoint/2010/main" val="3936192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tx2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4340502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2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9" name="Rectangle 8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741941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8387276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10933200" cy="697576"/>
          </a:xfrm>
        </p:spPr>
        <p:txBody>
          <a:bodyPr/>
          <a:lstStyle>
            <a:lvl1pPr>
              <a:defRPr sz="2400"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9" name="Rectangle 8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548375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054145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9" name="Rectangle 8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405058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6931392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0239090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3178864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3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7" name="Rectangle 6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640827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415831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cxnSp>
        <p:nvCxnSpPr>
          <p:cNvPr id="5" name="Straight Connector 4"/>
          <p:cNvCxnSpPr/>
          <p:nvPr userDrawn="1"/>
        </p:nvCxnSpPr>
        <p:spPr>
          <a:xfrm>
            <a:off x="636104" y="6457448"/>
            <a:ext cx="10946296" cy="0"/>
          </a:xfrm>
          <a:prstGeom prst="line">
            <a:avLst/>
          </a:prstGeom>
          <a:noFill/>
          <a:ln w="6350" cap="flat" cmpd="sng" algn="ctr">
            <a:solidFill>
              <a:srgbClr val="8CB7C7">
                <a:lumMod val="75000"/>
              </a:srgbClr>
            </a:solidFill>
            <a:prstDash val="solid"/>
          </a:ln>
          <a:effectLst/>
        </p:spPr>
      </p:cxnSp>
    </p:spTree>
    <p:extLst>
      <p:ext uri="{BB962C8B-B14F-4D97-AF65-F5344CB8AC3E}">
        <p14:creationId xmlns:p14="http://schemas.microsoft.com/office/powerpoint/2010/main" val="1571185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4521765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413221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47545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Arial" panose="020B0604020202020204" pitchFamily="34" charset="0"/>
                  <a:cs typeface="Arial" panose="020B0604020202020204" pitchFamily="34" charset="0"/>
                  <a:sym typeface="Arial" panose="020B0604020202020204" pitchFamily="34" charset="0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  <a:sym typeface="Arial" panose="020B0604020202020204" pitchFamily="34" charset="0"/>
                </a:rPr>
                <a:t>1. xxxx  2. xxxx  3. xxxx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  <a:sym typeface="Arial" panose="020B0604020202020204" pitchFamily="34" charset="0"/>
                </a:rPr>
                <a:t>Note: List footnotes in numerical order. Footnote numbers are not bracketed. Use 10pt font.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  <a:sym typeface="Arial" panose="020B0604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52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8187540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6017457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5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884277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070959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86834" y="488883"/>
            <a:ext cx="6256800" cy="697576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0" i="0" u="none" kern="1200" spc="0">
                <a:solidFill>
                  <a:schemeClr val="tx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4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rgbClr val="FFFFFF"/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19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FFFFFF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35922638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9903323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0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5" name="Rectangle 14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65149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1292251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10367779" y="4472317"/>
            <a:ext cx="3255328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5 by Boston Consulting Group. All rights reserved.</a:t>
            </a:r>
          </a:p>
        </p:txBody>
      </p:sp>
      <p:sp>
        <p:nvSpPr>
          <p:cNvPr id="22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cs typeface="Arial" pitchFamily="34" charset="0"/>
            </a:endParaRPr>
          </a:p>
        </p:txBody>
      </p:sp>
      <p:sp>
        <p:nvSpPr>
          <p:cNvPr id="15" name="Rectangle 14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923524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theme" Target="../theme/theme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slideLayout" Target="../slideLayouts/slideLayout29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image" Target="../media/image1.emf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oleObject" Target="../embeddings/oleObject1.bin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tags" Target="../tags/tag2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56"/>
            </p:custDataLst>
            <p:extLst>
              <p:ext uri="{D42A27DB-BD31-4B8C-83A1-F6EECF244321}">
                <p14:modId xmlns:p14="http://schemas.microsoft.com/office/powerpoint/2010/main" val="12495015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7" imgW="270" imgH="270" progId="TCLayout.ActiveDocument.1">
                  <p:embed/>
                </p:oleObj>
              </mc:Choice>
              <mc:Fallback>
                <p:oleObj name="think-cell Slide" r:id="rId57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532373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486834" y="488883"/>
            <a:ext cx="11106151" cy="697576"/>
          </a:xfrm>
          <a:prstGeom prst="rect">
            <a:avLst/>
          </a:prstGeom>
        </p:spPr>
        <p:txBody>
          <a:bodyPr vert="horz" wrap="square" lIns="0" tIns="0" rIns="0" bIns="0" rtlCol="0" anchor="t">
            <a:no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sp>
        <p:nvSpPr>
          <p:cNvPr id="18" name="Text Box 12"/>
          <p:cNvSpPr txBox="1">
            <a:spLocks noChangeArrowheads="1"/>
          </p:cNvSpPr>
          <p:nvPr userDrawn="1"/>
        </p:nvSpPr>
        <p:spPr bwMode="auto">
          <a:xfrm>
            <a:off x="11373268" y="6531518"/>
            <a:ext cx="190082" cy="155598"/>
          </a:xfrm>
          <a:prstGeom prst="rect">
            <a:avLst/>
          </a:prstGeom>
        </p:spPr>
        <p:txBody>
          <a:bodyPr vert="horz" lIns="0" tIns="0" rIns="0" bIns="0" rtlCol="0" anchor="b"/>
          <a:lstStyle/>
          <a:p>
            <a:pPr algn="r" defTabSz="889000" fontAlgn="base">
              <a:spcBef>
                <a:spcPct val="0"/>
              </a:spcBef>
            </a:pPr>
            <a:fld id="{0AAE6F06-DF1F-4AFE-8A52-B806E3E9D437}" type="slidenum">
              <a:rPr lang="en-US" sz="600" smtClean="0">
                <a:solidFill>
                  <a:srgbClr val="59452A"/>
                </a:solidFill>
                <a:latin typeface="+mj-lt"/>
                <a:cs typeface="Arial" pitchFamily="34" charset="0"/>
              </a:rPr>
              <a:pPr algn="r" defTabSz="889000" fontAlgn="base">
                <a:spcBef>
                  <a:spcPct val="0"/>
                </a:spcBef>
              </a:pPr>
              <a:t>‹#›</a:t>
            </a:fld>
            <a:endParaRPr lang="en-US" sz="600">
              <a:solidFill>
                <a:srgbClr val="59452A"/>
              </a:solidFill>
              <a:latin typeface="+mj-lt"/>
              <a:cs typeface="Arial" pitchFamily="34" charset="0"/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0" y="669311"/>
            <a:ext cx="268224" cy="268437"/>
          </a:xfrm>
          <a:prstGeom prst="rect">
            <a:avLst/>
          </a:prstGeom>
          <a:solidFill>
            <a:srgbClr val="9B242D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89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83533636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72" r:id="rId1"/>
    <p:sldLayoutId id="2147485086" r:id="rId2"/>
    <p:sldLayoutId id="2147485158" r:id="rId3"/>
    <p:sldLayoutId id="2147485113" r:id="rId4"/>
    <p:sldLayoutId id="2147485114" r:id="rId5"/>
    <p:sldLayoutId id="2147485154" r:id="rId6"/>
    <p:sldLayoutId id="2147485162" r:id="rId7"/>
    <p:sldLayoutId id="2147485149" r:id="rId8"/>
    <p:sldLayoutId id="2147485087" r:id="rId9"/>
    <p:sldLayoutId id="2147485112" r:id="rId10"/>
    <p:sldLayoutId id="2147485155" r:id="rId11"/>
    <p:sldLayoutId id="2147485164" r:id="rId12"/>
    <p:sldLayoutId id="2147485109" r:id="rId13"/>
    <p:sldLayoutId id="2147485165" r:id="rId14"/>
    <p:sldLayoutId id="2147485110" r:id="rId15"/>
    <p:sldLayoutId id="2147485166" r:id="rId16"/>
    <p:sldLayoutId id="2147485156" r:id="rId17"/>
    <p:sldLayoutId id="2147485167" r:id="rId18"/>
    <p:sldLayoutId id="2147485108" r:id="rId19"/>
    <p:sldLayoutId id="2147485107" r:id="rId20"/>
    <p:sldLayoutId id="2147485106" r:id="rId21"/>
    <p:sldLayoutId id="2147485090" r:id="rId22"/>
    <p:sldLayoutId id="2147485091" r:id="rId23"/>
    <p:sldLayoutId id="2147485092" r:id="rId24"/>
    <p:sldLayoutId id="2147485093" r:id="rId25"/>
    <p:sldLayoutId id="2147485161" r:id="rId26"/>
    <p:sldLayoutId id="2147485173" r:id="rId27"/>
    <p:sldLayoutId id="2147485119" r:id="rId28"/>
    <p:sldLayoutId id="2147485137" r:id="rId29"/>
    <p:sldLayoutId id="2147485120" r:id="rId30"/>
    <p:sldLayoutId id="2147485121" r:id="rId31"/>
    <p:sldLayoutId id="2147485141" r:id="rId32"/>
    <p:sldLayoutId id="2147485163" r:id="rId33"/>
    <p:sldLayoutId id="2147485139" r:id="rId34"/>
    <p:sldLayoutId id="2147485140" r:id="rId35"/>
    <p:sldLayoutId id="2147485122" r:id="rId36"/>
    <p:sldLayoutId id="2147485123" r:id="rId37"/>
    <p:sldLayoutId id="2147485151" r:id="rId38"/>
    <p:sldLayoutId id="2147485168" r:id="rId39"/>
    <p:sldLayoutId id="2147485127" r:id="rId40"/>
    <p:sldLayoutId id="2147485169" r:id="rId41"/>
    <p:sldLayoutId id="2147485126" r:id="rId42"/>
    <p:sldLayoutId id="2147485170" r:id="rId43"/>
    <p:sldLayoutId id="2147485153" r:id="rId44"/>
    <p:sldLayoutId id="2147485171" r:id="rId45"/>
    <p:sldLayoutId id="2147485128" r:id="rId46"/>
    <p:sldLayoutId id="2147485129" r:id="rId47"/>
    <p:sldLayoutId id="2147485130" r:id="rId48"/>
    <p:sldLayoutId id="2147485131" r:id="rId49"/>
    <p:sldLayoutId id="2147485145" r:id="rId50"/>
    <p:sldLayoutId id="2147485133" r:id="rId51"/>
    <p:sldLayoutId id="2147485144" r:id="rId52"/>
    <p:sldLayoutId id="2147485134" r:id="rId53"/>
    <p:sldLayoutId id="2147485160" r:id="rId54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1"/>
          </a:solidFill>
          <a:latin typeface="Arial" panose="020B0604020202020204" pitchFamily="34" charset="0"/>
          <a:ea typeface="+mj-ea"/>
          <a:cs typeface="Arial" panose="020B0604020202020204" pitchFamily="34" charset="0"/>
          <a:sym typeface="Arial" panose="020B0604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Arial" panose="020B0604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Arial" panose="020B0604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Arial" panose="020B0604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Arial" panose="020B0604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Arial" panose="020B0604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Arial" panose="020B0604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Arial" panose="020B0604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Arial" panose="020B0604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Arial" panose="020B0604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 userDrawn="1">
          <p15:clr>
            <a:srgbClr val="F26B43"/>
          </p15:clr>
        </p15:guide>
        <p15:guide id="2" pos="396" userDrawn="1">
          <p15:clr>
            <a:srgbClr val="F26B43"/>
          </p15:clr>
        </p15:guide>
        <p15:guide id="3" pos="7284" userDrawn="1">
          <p15:clr>
            <a:srgbClr val="F26B43"/>
          </p15:clr>
        </p15:guide>
        <p15:guide id="4" orient="horz" pos="3881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59.xml"/><Relationship Id="rId7" Type="http://schemas.openxmlformats.org/officeDocument/2006/relationships/image" Target="../media/image8.emf"/><Relationship Id="rId2" Type="http://schemas.openxmlformats.org/officeDocument/2006/relationships/tags" Target="../tags/tag58.xml"/><Relationship Id="rId1" Type="http://schemas.openxmlformats.org/officeDocument/2006/relationships/tags" Target="../tags/tag57.xml"/><Relationship Id="rId6" Type="http://schemas.openxmlformats.org/officeDocument/2006/relationships/oleObject" Target="../embeddings/oleObject3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28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tags" Target="../tags/tag85.xml"/><Relationship Id="rId7" Type="http://schemas.openxmlformats.org/officeDocument/2006/relationships/image" Target="../media/image8.emf"/><Relationship Id="rId2" Type="http://schemas.openxmlformats.org/officeDocument/2006/relationships/tags" Target="../tags/tag84.xml"/><Relationship Id="rId1" Type="http://schemas.openxmlformats.org/officeDocument/2006/relationships/tags" Target="../tags/tag83.xml"/><Relationship Id="rId6" Type="http://schemas.openxmlformats.org/officeDocument/2006/relationships/oleObject" Target="../embeddings/oleObject12.bin"/><Relationship Id="rId5" Type="http://schemas.openxmlformats.org/officeDocument/2006/relationships/notesSlide" Target="../notesSlides/notesSlide10.xml"/><Relationship Id="rId4" Type="http://schemas.openxmlformats.org/officeDocument/2006/relationships/slideLayout" Target="../slideLayouts/slideLayout28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tags" Target="../tags/tag88.xml"/><Relationship Id="rId7" Type="http://schemas.openxmlformats.org/officeDocument/2006/relationships/image" Target="../media/image8.emf"/><Relationship Id="rId2" Type="http://schemas.openxmlformats.org/officeDocument/2006/relationships/tags" Target="../tags/tag87.xml"/><Relationship Id="rId1" Type="http://schemas.openxmlformats.org/officeDocument/2006/relationships/tags" Target="../tags/tag86.xml"/><Relationship Id="rId6" Type="http://schemas.openxmlformats.org/officeDocument/2006/relationships/oleObject" Target="../embeddings/oleObject13.bin"/><Relationship Id="rId5" Type="http://schemas.openxmlformats.org/officeDocument/2006/relationships/notesSlide" Target="../notesSlides/notesSlide11.xml"/><Relationship Id="rId4" Type="http://schemas.openxmlformats.org/officeDocument/2006/relationships/slideLayout" Target="../slideLayouts/slideLayout28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90.xml"/><Relationship Id="rId1" Type="http://schemas.openxmlformats.org/officeDocument/2006/relationships/tags" Target="../tags/tag89.x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14.bin"/><Relationship Id="rId4" Type="http://schemas.openxmlformats.org/officeDocument/2006/relationships/notesSlide" Target="../notesSlides/notesSlide1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tags" Target="../tags/tag93.xml"/><Relationship Id="rId7" Type="http://schemas.openxmlformats.org/officeDocument/2006/relationships/image" Target="../media/image8.emf"/><Relationship Id="rId2" Type="http://schemas.openxmlformats.org/officeDocument/2006/relationships/tags" Target="../tags/tag92.xml"/><Relationship Id="rId1" Type="http://schemas.openxmlformats.org/officeDocument/2006/relationships/tags" Target="../tags/tag91.xml"/><Relationship Id="rId6" Type="http://schemas.openxmlformats.org/officeDocument/2006/relationships/oleObject" Target="../embeddings/oleObject15.bin"/><Relationship Id="rId5" Type="http://schemas.openxmlformats.org/officeDocument/2006/relationships/notesSlide" Target="../notesSlides/notesSlide13.xml"/><Relationship Id="rId4" Type="http://schemas.openxmlformats.org/officeDocument/2006/relationships/slideLayout" Target="../slideLayouts/slideLayout28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tags" Target="../tags/tag96.xml"/><Relationship Id="rId7" Type="http://schemas.openxmlformats.org/officeDocument/2006/relationships/image" Target="../media/image8.emf"/><Relationship Id="rId2" Type="http://schemas.openxmlformats.org/officeDocument/2006/relationships/tags" Target="../tags/tag95.xml"/><Relationship Id="rId1" Type="http://schemas.openxmlformats.org/officeDocument/2006/relationships/tags" Target="../tags/tag94.xml"/><Relationship Id="rId6" Type="http://schemas.openxmlformats.org/officeDocument/2006/relationships/oleObject" Target="../embeddings/oleObject16.bin"/><Relationship Id="rId5" Type="http://schemas.openxmlformats.org/officeDocument/2006/relationships/notesSlide" Target="../notesSlides/notesSlide14.xml"/><Relationship Id="rId4" Type="http://schemas.openxmlformats.org/officeDocument/2006/relationships/slideLayout" Target="../slideLayouts/slideLayout28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98.xml"/><Relationship Id="rId1" Type="http://schemas.openxmlformats.org/officeDocument/2006/relationships/tags" Target="../tags/tag97.x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17.bin"/><Relationship Id="rId4" Type="http://schemas.openxmlformats.org/officeDocument/2006/relationships/notesSlide" Target="../notesSlides/notesSlide15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tags" Target="../tags/tag101.xml"/><Relationship Id="rId7" Type="http://schemas.openxmlformats.org/officeDocument/2006/relationships/image" Target="../media/image8.emf"/><Relationship Id="rId2" Type="http://schemas.openxmlformats.org/officeDocument/2006/relationships/tags" Target="../tags/tag100.xml"/><Relationship Id="rId1" Type="http://schemas.openxmlformats.org/officeDocument/2006/relationships/tags" Target="../tags/tag99.xml"/><Relationship Id="rId6" Type="http://schemas.openxmlformats.org/officeDocument/2006/relationships/oleObject" Target="../embeddings/oleObject18.bin"/><Relationship Id="rId5" Type="http://schemas.openxmlformats.org/officeDocument/2006/relationships/notesSlide" Target="../notesSlides/notesSlide16.xml"/><Relationship Id="rId4" Type="http://schemas.openxmlformats.org/officeDocument/2006/relationships/slideLayout" Target="../slideLayouts/slideLayout28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tags" Target="../tags/tag104.xml"/><Relationship Id="rId7" Type="http://schemas.openxmlformats.org/officeDocument/2006/relationships/image" Target="../media/image8.emf"/><Relationship Id="rId2" Type="http://schemas.openxmlformats.org/officeDocument/2006/relationships/tags" Target="../tags/tag103.xml"/><Relationship Id="rId1" Type="http://schemas.openxmlformats.org/officeDocument/2006/relationships/tags" Target="../tags/tag102.xml"/><Relationship Id="rId6" Type="http://schemas.openxmlformats.org/officeDocument/2006/relationships/oleObject" Target="../embeddings/oleObject18.bin"/><Relationship Id="rId5" Type="http://schemas.openxmlformats.org/officeDocument/2006/relationships/notesSlide" Target="../notesSlides/notesSlide17.xml"/><Relationship Id="rId4" Type="http://schemas.openxmlformats.org/officeDocument/2006/relationships/slideLayout" Target="../slideLayouts/slideLayout28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tags" Target="../tags/tag107.xml"/><Relationship Id="rId7" Type="http://schemas.openxmlformats.org/officeDocument/2006/relationships/image" Target="../media/image8.emf"/><Relationship Id="rId2" Type="http://schemas.openxmlformats.org/officeDocument/2006/relationships/tags" Target="../tags/tag106.xml"/><Relationship Id="rId1" Type="http://schemas.openxmlformats.org/officeDocument/2006/relationships/tags" Target="../tags/tag105.xml"/><Relationship Id="rId6" Type="http://schemas.openxmlformats.org/officeDocument/2006/relationships/oleObject" Target="../embeddings/oleObject3.bin"/><Relationship Id="rId5" Type="http://schemas.openxmlformats.org/officeDocument/2006/relationships/notesSlide" Target="../notesSlides/notesSlide18.xml"/><Relationship Id="rId4" Type="http://schemas.openxmlformats.org/officeDocument/2006/relationships/slideLayout" Target="../slideLayouts/slideLayout28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09.xml"/><Relationship Id="rId1" Type="http://schemas.openxmlformats.org/officeDocument/2006/relationships/tags" Target="../tags/tag108.x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3.bin"/><Relationship Id="rId4" Type="http://schemas.openxmlformats.org/officeDocument/2006/relationships/notesSlide" Target="../notesSlides/notesSlide19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4.bin"/><Relationship Id="rId4" Type="http://schemas.openxmlformats.org/officeDocument/2006/relationships/notesSlide" Target="../notesSlides/notesSlide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3.bin"/><Relationship Id="rId4" Type="http://schemas.openxmlformats.org/officeDocument/2006/relationships/notesSlide" Target="../notesSlides/notesSlide20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64.xml"/><Relationship Id="rId7" Type="http://schemas.openxmlformats.org/officeDocument/2006/relationships/image" Target="../media/image8.emf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oleObject" Target="../embeddings/oleObject5.bin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28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67.xml"/><Relationship Id="rId7" Type="http://schemas.openxmlformats.org/officeDocument/2006/relationships/image" Target="../media/image8.emf"/><Relationship Id="rId2" Type="http://schemas.openxmlformats.org/officeDocument/2006/relationships/tags" Target="../tags/tag66.xml"/><Relationship Id="rId1" Type="http://schemas.openxmlformats.org/officeDocument/2006/relationships/tags" Target="../tags/tag65.xml"/><Relationship Id="rId6" Type="http://schemas.openxmlformats.org/officeDocument/2006/relationships/oleObject" Target="../embeddings/oleObject6.bin"/><Relationship Id="rId5" Type="http://schemas.openxmlformats.org/officeDocument/2006/relationships/notesSlide" Target="../notesSlides/notesSlide4.xml"/><Relationship Id="rId4" Type="http://schemas.openxmlformats.org/officeDocument/2006/relationships/slideLayout" Target="../slideLayouts/slideLayout28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70.xml"/><Relationship Id="rId7" Type="http://schemas.openxmlformats.org/officeDocument/2006/relationships/image" Target="../media/image8.emf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oleObject" Target="../embeddings/oleObject7.bin"/><Relationship Id="rId5" Type="http://schemas.openxmlformats.org/officeDocument/2006/relationships/notesSlide" Target="../notesSlides/notesSlide5.xml"/><Relationship Id="rId4" Type="http://schemas.openxmlformats.org/officeDocument/2006/relationships/slideLayout" Target="../slideLayouts/slideLayout28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73.xml"/><Relationship Id="rId7" Type="http://schemas.openxmlformats.org/officeDocument/2006/relationships/image" Target="../media/image8.emf"/><Relationship Id="rId2" Type="http://schemas.openxmlformats.org/officeDocument/2006/relationships/tags" Target="../tags/tag72.xml"/><Relationship Id="rId1" Type="http://schemas.openxmlformats.org/officeDocument/2006/relationships/tags" Target="../tags/tag71.xml"/><Relationship Id="rId6" Type="http://schemas.openxmlformats.org/officeDocument/2006/relationships/oleObject" Target="../embeddings/oleObject8.bin"/><Relationship Id="rId5" Type="http://schemas.openxmlformats.org/officeDocument/2006/relationships/notesSlide" Target="../notesSlides/notesSlide6.xml"/><Relationship Id="rId4" Type="http://schemas.openxmlformats.org/officeDocument/2006/relationships/slideLayout" Target="../slideLayouts/slideLayout28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7" Type="http://schemas.openxmlformats.org/officeDocument/2006/relationships/image" Target="../media/image8.emf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oleObject" Target="../embeddings/oleObject9.bin"/><Relationship Id="rId5" Type="http://schemas.openxmlformats.org/officeDocument/2006/relationships/notesSlide" Target="../notesSlides/notesSlide7.xml"/><Relationship Id="rId4" Type="http://schemas.openxmlformats.org/officeDocument/2006/relationships/slideLayout" Target="../slideLayouts/slideLayout28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tags" Target="../tags/tag79.xml"/><Relationship Id="rId7" Type="http://schemas.openxmlformats.org/officeDocument/2006/relationships/image" Target="../media/image8.emf"/><Relationship Id="rId2" Type="http://schemas.openxmlformats.org/officeDocument/2006/relationships/tags" Target="../tags/tag78.xml"/><Relationship Id="rId1" Type="http://schemas.openxmlformats.org/officeDocument/2006/relationships/tags" Target="../tags/tag77.xml"/><Relationship Id="rId6" Type="http://schemas.openxmlformats.org/officeDocument/2006/relationships/oleObject" Target="../embeddings/oleObject10.bin"/><Relationship Id="rId5" Type="http://schemas.openxmlformats.org/officeDocument/2006/relationships/notesSlide" Target="../notesSlides/notesSlide8.xml"/><Relationship Id="rId4" Type="http://schemas.openxmlformats.org/officeDocument/2006/relationships/slideLayout" Target="../slideLayouts/slideLayout28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tags" Target="../tags/tag82.xml"/><Relationship Id="rId7" Type="http://schemas.openxmlformats.org/officeDocument/2006/relationships/image" Target="../media/image8.emf"/><Relationship Id="rId2" Type="http://schemas.openxmlformats.org/officeDocument/2006/relationships/tags" Target="../tags/tag81.xml"/><Relationship Id="rId1" Type="http://schemas.openxmlformats.org/officeDocument/2006/relationships/tags" Target="../tags/tag80.xml"/><Relationship Id="rId6" Type="http://schemas.openxmlformats.org/officeDocument/2006/relationships/oleObject" Target="../embeddings/oleObject11.bin"/><Relationship Id="rId5" Type="http://schemas.openxmlformats.org/officeDocument/2006/relationships/notesSlide" Target="../notesSlides/notesSlide9.xml"/><Relationship Id="rId4" Type="http://schemas.openxmlformats.org/officeDocument/2006/relationships/slideLayout" Target="../slideLayouts/slideLayout2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39FF287-DF94-55AC-6C19-D44DCAA9432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0E708794-5D18-0DCC-3B4F-8C9DFAF0A8A3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E708794-5D18-0DCC-3B4F-8C9DFAF0A8A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F82C40B-089B-37D8-2392-C979CD0D7F7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6186" y="132877"/>
            <a:ext cx="11106151" cy="365760"/>
          </a:xfrm>
        </p:spPr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A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Household Identification</a:t>
            </a:r>
          </a:p>
        </p:txBody>
      </p:sp>
      <p:sp>
        <p:nvSpPr>
          <p:cNvPr id="3" name="NavigationTriangle">
            <a:extLst>
              <a:ext uri="{FF2B5EF4-FFF2-40B4-BE49-F238E27FC236}">
                <a16:creationId xmlns:a16="http://schemas.microsoft.com/office/drawing/2014/main" id="{B35E83E1-F29C-049E-1183-1E5011CB0D17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3E6E80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4" name="NavigationIcon">
            <a:extLst>
              <a:ext uri="{FF2B5EF4-FFF2-40B4-BE49-F238E27FC236}">
                <a16:creationId xmlns:a16="http://schemas.microsoft.com/office/drawing/2014/main" id="{8EC5C326-6C59-AB10-824C-521CC994F7F7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>
                <a:solidFill>
                  <a:srgbClr val="3E6E80"/>
                </a:solidFill>
              </a:rPr>
              <a:t>A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711C9096-D236-0836-4CC9-7185C266F8D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76591481"/>
              </p:ext>
            </p:extLst>
          </p:nvPr>
        </p:nvGraphicFramePr>
        <p:xfrm>
          <a:off x="0" y="1060309"/>
          <a:ext cx="12269508" cy="5906678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782854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3593469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4817553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3075632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241284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 Number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24901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1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GPRS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election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73285339"/>
                  </a:ext>
                </a:extLst>
              </a:tr>
              <a:tr h="24901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2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ounty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r>
                        <a:rPr lang="pl-PL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= Kajiado 2=Samburu =Narok </a:t>
                      </a: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re-populate to be Pre-populate in the panel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193035835"/>
                  </a:ext>
                </a:extLst>
              </a:tr>
              <a:tr h="24901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3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Name of Enumerators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Prepopulate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686909125"/>
                  </a:ext>
                </a:extLst>
              </a:tr>
              <a:tr h="24901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4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Selection of the household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= Treatment households  0= Control household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00331794"/>
                  </a:ext>
                </a:extLst>
              </a:tr>
              <a:tr h="42536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5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Roster preload based on treatment and control, 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numerators auto  select names of the households allocated  (HH list selection based on specific allocation )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UID to be include against the household  name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907400271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6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ates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Date of the interview to be auto selected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70977131"/>
                  </a:ext>
                </a:extLst>
              </a:tr>
              <a:tr h="24901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7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terview attempt  status: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 = success full,  0= No success full 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42557150"/>
                  </a:ext>
                </a:extLst>
              </a:tr>
              <a:tr h="24901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8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re you registered  to KPMD programs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 0 =No 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21699586"/>
                  </a:ext>
                </a:extLst>
              </a:tr>
              <a:tr h="522731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9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For how many months have you been participating in </a:t>
                      </a:r>
                      <a:r>
                        <a:rPr lang="en-US" sz="1050" kern="0" dirty="0" err="1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KPMD</a:t>
                      </a: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feed/livestock out-grower </a:t>
                      </a: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program?</a:t>
                      </a: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 to A7]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1-3 months; 2= 4-6 months; 3= 7-9 months; and 10-12 months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re-populate in the panel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35971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10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Gender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Male 0=Female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re-populate to be Pre-populate in the panel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8580306"/>
                  </a:ext>
                </a:extLst>
              </a:tr>
              <a:tr h="42536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11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Marital status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Married (Monogamous) 2=Married (Polygamous) 3=Single 4=Widow/Widower 5=Divorced 6=Separated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re-populate to be Pre-populate in the panel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628207452"/>
                  </a:ext>
                </a:extLst>
              </a:tr>
              <a:tr h="24901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12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ge in years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re-populate to be Pre-populate in the panel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42267080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13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Number of years of schooling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re-populate to be Pre-populate in the panel 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99275249"/>
                  </a:ext>
                </a:extLst>
              </a:tr>
              <a:tr h="42536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15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ub-County   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1. Samburu East 2. Samburu North 3. Samburu West 4 Kajiado 5 Central 6 Kajiado North    7 Kajiado 8 East Kajiado West 9 Kajiado South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re-populate to be Pre-populate in the panel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175685"/>
                  </a:ext>
                </a:extLst>
              </a:tr>
              <a:tr h="24901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16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02. Your Phone Number (identifier)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77162467"/>
                  </a:ext>
                </a:extLst>
              </a:tr>
              <a:tr h="275954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17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re you the head of this household?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=Yes</a:t>
                      </a: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=No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re-populate to be Pre-populate in the panel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23626881"/>
                  </a:ext>
                </a:extLst>
              </a:tr>
              <a:tr h="24901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ame of the participant </a:t>
                      </a: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registration 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0050100"/>
                  </a:ext>
                </a:extLst>
              </a:tr>
              <a:tr h="272076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66706678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9A7E2CD5-D28D-45AC-18AC-4428CF2925E2}"/>
              </a:ext>
            </a:extLst>
          </p:cNvPr>
          <p:cNvSpPr/>
          <p:nvPr/>
        </p:nvSpPr>
        <p:spPr>
          <a:xfrm>
            <a:off x="7676660" y="234430"/>
            <a:ext cx="239486" cy="24939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F3651CCD-724D-478F-D032-0CB1BAC12037}"/>
              </a:ext>
            </a:extLst>
          </p:cNvPr>
          <p:cNvSpPr txBox="1"/>
          <p:nvPr/>
        </p:nvSpPr>
        <p:spPr>
          <a:xfrm>
            <a:off x="7933074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b="1" dirty="0">
                <a:solidFill>
                  <a:schemeClr val="tx1"/>
                </a:solidFill>
              </a:rPr>
              <a:t>Ontime questions  </a:t>
            </a: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AC28D51-5AC6-4593-E580-CE7F7F26322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15873501"/>
              </p:ext>
            </p:extLst>
          </p:nvPr>
        </p:nvGraphicFramePr>
        <p:xfrm>
          <a:off x="351827" y="471337"/>
          <a:ext cx="12056303" cy="5486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631514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10424789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21737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b="0" dirty="0">
                        <a:solidFill>
                          <a:schemeClr val="tx1"/>
                        </a:solidFill>
                      </a:endParaRP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21737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11" name="Rectangle 10">
            <a:extLst>
              <a:ext uri="{FF2B5EF4-FFF2-40B4-BE49-F238E27FC236}">
                <a16:creationId xmlns:a16="http://schemas.microsoft.com/office/drawing/2014/main" id="{308A0375-DE3F-2DE3-8C85-AAF08AE39486}"/>
              </a:ext>
            </a:extLst>
          </p:cNvPr>
          <p:cNvSpPr/>
          <p:nvPr/>
        </p:nvSpPr>
        <p:spPr>
          <a:xfrm>
            <a:off x="5344484" y="173154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FBD9020-EEA5-237F-4AB6-CCAC0D694913}"/>
              </a:ext>
            </a:extLst>
          </p:cNvPr>
          <p:cNvSpPr txBox="1"/>
          <p:nvPr/>
        </p:nvSpPr>
        <p:spPr>
          <a:xfrm>
            <a:off x="5695460" y="123581"/>
            <a:ext cx="1981200" cy="36576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b="1" dirty="0">
                <a:solidFill>
                  <a:schemeClr val="tx1"/>
                </a:solidFill>
              </a:rPr>
              <a:t>Panel repeat questions  </a:t>
            </a:r>
          </a:p>
        </p:txBody>
      </p:sp>
      <p:sp>
        <p:nvSpPr>
          <p:cNvPr id="9" name="Textfeld 1">
            <a:extLst>
              <a:ext uri="{FF2B5EF4-FFF2-40B4-BE49-F238E27FC236}">
                <a16:creationId xmlns:a16="http://schemas.microsoft.com/office/drawing/2014/main" id="{B3E3845A-0687-9139-4118-F48BEDDF8CFB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821519" y="493830"/>
            <a:ext cx="8271387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/>
              <a:t>Skip question in repeated cycle of household data collection  A3, A4, A5.A6, A7, A8, A9 A10, A11</a:t>
            </a:r>
          </a:p>
        </p:txBody>
      </p:sp>
    </p:spTree>
    <p:extLst>
      <p:ext uri="{BB962C8B-B14F-4D97-AF65-F5344CB8AC3E}">
        <p14:creationId xmlns:p14="http://schemas.microsoft.com/office/powerpoint/2010/main" val="25720810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E318973F-D2CC-0583-7184-C6833C6F48A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DDAF66F6-900C-826A-44A1-94A541373AE9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99172783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DAF66F6-900C-826A-44A1-94A541373AE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E9C7FD06-DBB9-FDE2-8211-317CF897AA0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E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Livestock offtake (3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37BF567F-472B-9726-6919-1336F402352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665401876"/>
              </p:ext>
            </p:extLst>
          </p:nvPr>
        </p:nvGraphicFramePr>
        <p:xfrm>
          <a:off x="486834" y="1913386"/>
          <a:ext cx="11348608" cy="4312273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170330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5383738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2750459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044081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284416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59688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e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Did you weigh the goats before selling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698136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f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What was the typical weight in kilos of the goats sold last 1 month?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89949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g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How were you paid by the KPMD off-takers?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=Mobile payment (e.g., M-PESA)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Cash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284416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h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What was the transport cost </a:t>
                      </a:r>
                      <a:r>
                        <a:rPr lang="en-US" sz="1200" kern="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to the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market per goat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175685"/>
                  </a:ext>
                </a:extLst>
              </a:tr>
              <a:tr h="1534291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i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breeds of goat did you sell?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b="1" kern="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 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Galla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Local East Africa goat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3=Cros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5=Other </a:t>
                      </a: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Please specif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888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=Don’t know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68689332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4EAC0CE7-129A-12F9-35B3-A814846F53B1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0F34EA5-6F8A-270F-A106-56BBAF7047E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82822979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8A3D323E-658C-4290-AF05-2638EEE6A164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98BECD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1C73C6D3-B192-73E9-7E26-0E7AFB23FB67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98BECD"/>
                </a:solidFill>
              </a:rPr>
              <a:t>E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FB337943-592C-7E73-3E68-852713E67040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42614" y="1044948"/>
            <a:ext cx="3678471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If yes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2e</a:t>
            </a:r>
            <a:r>
              <a:rPr lang="en-US" sz="1200" b="1" kern="0" dirty="0">
                <a:solidFill>
                  <a:srgbClr val="575757"/>
                </a:solidFill>
                <a:latin typeface="Arial" panose="020B0604020202020204" pitchFamily="34" charset="0"/>
                <a:ea typeface="Calibri" panose="020F050202020403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 answer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2f</a:t>
            </a:r>
            <a:r>
              <a:rPr lang="en-US" sz="1200" b="1" kern="0" dirty="0">
                <a:solidFill>
                  <a:srgbClr val="575757"/>
                </a:solidFill>
                <a:latin typeface="Arial" panose="020B0604020202020204" pitchFamily="34" charset="0"/>
                <a:ea typeface="Calibri" panose="020F050202020403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 </a:t>
            </a:r>
            <a:endParaRPr lang="en-US" sz="1200" kern="100" dirty="0">
              <a:ea typeface="Aptos" panose="020B00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FFB49EC8-10AD-31E2-2DC0-E5DC96748DBD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8CB12E2-1CE8-802D-5BBE-F400BD95BC13}"/>
              </a:ext>
            </a:extLst>
          </p:cNvPr>
          <p:cNvSpPr txBox="1"/>
          <p:nvPr/>
        </p:nvSpPr>
        <p:spPr>
          <a:xfrm>
            <a:off x="7491205" y="3295290"/>
            <a:ext cx="2303253" cy="609563"/>
          </a:xfrm>
          <a:prstGeom prst="rect">
            <a:avLst/>
          </a:prstGeom>
          <a:solidFill>
            <a:srgbClr val="C00000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tx1"/>
                </a:solidFill>
              </a:rPr>
              <a:t>Goats  sales to KPMD</a:t>
            </a:r>
          </a:p>
        </p:txBody>
      </p:sp>
    </p:spTree>
    <p:extLst>
      <p:ext uri="{BB962C8B-B14F-4D97-AF65-F5344CB8AC3E}">
        <p14:creationId xmlns:p14="http://schemas.microsoft.com/office/powerpoint/2010/main" val="6633337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D9F3CB8-4BDE-57BF-AC7D-260AD875906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0A6468F7-7175-0FD2-CEE9-BAC8CB916983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75000498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A6468F7-7175-0FD2-CEE9-BAC8CB91698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F7A52CE9-B7DA-9E29-9FF2-DC2EACD32A6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E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Livestock offtake (4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B9F37870-14F9-2179-06EB-7AEEBC615AB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10453491"/>
              </p:ext>
            </p:extLst>
          </p:nvPr>
        </p:nvGraphicFramePr>
        <p:xfrm>
          <a:off x="486833" y="1913386"/>
          <a:ext cx="11203709" cy="4312606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155386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5393204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3071908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1583211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19367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432435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sell sheep to non-KPMD off-takers in the last 1 month?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 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39277555"/>
                  </a:ext>
                </a:extLst>
              </a:tr>
              <a:tr h="432435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a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To whom did you sell sheep?</a:t>
                      </a: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 Individual herder from my group ranch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2 = Individual herder from another group ranch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3 = Broker/trad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4 = Informal slaught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5 = Private ranch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6 = Butch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7 = Other </a:t>
                      </a: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Please specif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b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How many sheep did you sell to other off-takers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the 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2146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c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ow many times did you sell sheep to other off-takers the last 1 month? 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2527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d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was the average price per sheep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the 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175685"/>
                  </a:ext>
                </a:extLst>
              </a:tr>
              <a:tr h="24765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e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was the typical age in months of the sheep when sold to other off-takers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the 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68689332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f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Did you weigh the sheep before selling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 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77162467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5F9B5E48-A436-1BC6-78D2-B9F8313D72B8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4D49D06E-2FE9-9ACF-6656-DEDF41B9889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050016755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BB46413E-C091-0358-860D-6DEDACA96208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98BECD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3289EB2B-70F9-FED7-9A7D-B2771390D7B4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98BECD"/>
                </a:solidFill>
              </a:rPr>
              <a:t>E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584ABF0B-9530-F09A-E6D1-48FCD7C3D4B0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42615" y="1044947"/>
            <a:ext cx="3398728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If yes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3</a:t>
            </a:r>
            <a:r>
              <a:rPr lang="en-US" sz="1200" kern="100" dirty="0">
                <a:ea typeface="Calibri" panose="020F0502020204030204" pitchFamily="34" charset="0"/>
                <a:cs typeface="Arial" panose="020B0604020202020204" pitchFamily="34" charset="0"/>
              </a:rPr>
              <a:t> answer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3a to E3k</a:t>
            </a:r>
            <a:endParaRPr lang="en-US" sz="1200" kern="100" dirty="0">
              <a:ea typeface="Aptos" panose="020B00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68BD10E6-62FC-D86F-00E2-A3D1A10BBAE1}"/>
              </a:ext>
            </a:extLst>
          </p:cNvPr>
          <p:cNvSpPr txBox="1"/>
          <p:nvPr/>
        </p:nvSpPr>
        <p:spPr>
          <a:xfrm>
            <a:off x="9753051" y="2680391"/>
            <a:ext cx="2303253" cy="985835"/>
          </a:xfrm>
          <a:prstGeom prst="rect">
            <a:avLst/>
          </a:prstGeom>
          <a:solidFill>
            <a:srgbClr val="C00000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tx1"/>
                </a:solidFill>
              </a:rPr>
              <a:t>Sheep  sales to None  KPMD offtakes 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0648E069-48FC-70D8-F69F-5AA40983B52B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12638760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B836EE8-7267-0F25-DDB0-39C4E928071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C8E57224-0B0B-445C-E7AF-BBD949BF5DD3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28175698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7772400" imgH="10058400" progId="TCLayout.ActiveDocument.1">
                  <p:embed/>
                </p:oleObj>
              </mc:Choice>
              <mc:Fallback>
                <p:oleObj name="think-cell Slide" r:id="rId5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C8E57224-0B0B-445C-E7AF-BBD949BF5DD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D4463B5C-B66E-D9B2-AF95-3E7382D66A2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E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Livestock offtake (5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584579E8-6296-9CC8-738D-8447C626A5F6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72633887"/>
              </p:ext>
            </p:extLst>
          </p:nvPr>
        </p:nvGraphicFramePr>
        <p:xfrm>
          <a:off x="486834" y="1913386"/>
          <a:ext cx="10870644" cy="4044889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121039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4829819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2459893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459893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19367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432435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h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What was the typical weight in kilos of sheep sold in the last 1 month?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i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How were you paid by the other off-takers?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</a:t>
                      </a:r>
                      <a:r>
                        <a:rPr lang="en-US" sz="1200" kern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=Mobile payment (e.g., M-PESA)</a:t>
                      </a:r>
                      <a:endParaRPr lang="en-US" sz="1200" kern="10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Cash</a:t>
                      </a:r>
                      <a:endParaRPr lang="en-US" sz="1200" kern="10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2146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j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What was the transport cost to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the market per sheep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2527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k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breeds of sheep did you sell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 </a:t>
                      </a: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Doper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Local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3=Cross 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4=Doper cros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5=Black head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6=Doper merino cros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7=Somali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9=Others </a:t>
                      </a: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Please specif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888=Don’t know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175685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6C6879E1-F879-8BB7-E63F-B3DDDB3C442B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C68E6C06-1930-24C4-575B-4FB3FC6DF74C}"/>
              </a:ext>
            </a:extLst>
          </p:cNvPr>
          <p:cNvGraphicFramePr>
            <a:graphicFrameLocks noGrp="1"/>
          </p:cNvGraphicFramePr>
          <p:nvPr/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 + baseline data using mobile number to pre-populate additional information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7DB95B59-D163-F2F6-0791-60BB1CB28647}"/>
              </a:ext>
            </a:extLst>
          </p:cNvPr>
          <p:cNvSpPr txBox="1"/>
          <p:nvPr/>
        </p:nvSpPr>
        <p:spPr>
          <a:xfrm>
            <a:off x="9738605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rgbClr val="5393AB"/>
                </a:solidFill>
              </a:rPr>
              <a:t>Total Questions: 52 </a:t>
            </a:r>
          </a:p>
        </p:txBody>
      </p:sp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5537CA1E-7CCB-399D-6155-4ED1951ED386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98BECD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1B465B0C-C3A3-A536-3D58-9D7A8237BA24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>
                <a:solidFill>
                  <a:srgbClr val="98BECD"/>
                </a:solidFill>
              </a:rPr>
              <a:t>D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20AE96A1-1BE5-CE9C-F9D0-CF8B78335348}"/>
              </a:ext>
            </a:extLst>
          </p:cNvPr>
          <p:cNvSpPr txBox="1"/>
          <p:nvPr/>
        </p:nvSpPr>
        <p:spPr>
          <a:xfrm>
            <a:off x="9157829" y="2443165"/>
            <a:ext cx="2303253" cy="985835"/>
          </a:xfrm>
          <a:prstGeom prst="rect">
            <a:avLst/>
          </a:prstGeom>
          <a:solidFill>
            <a:srgbClr val="C00000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tx1"/>
                </a:solidFill>
              </a:rPr>
              <a:t>Sheep  sales to None  KPMD offtakes 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43886F46-C987-762A-B4F7-3271E89B8D8C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39848005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0334506-0B30-6474-122F-F869594E1F6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12C1859E-F322-2F4F-CFB1-3B88C8C2671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40537692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12C1859E-F322-2F4F-CFB1-3B88C8C2671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33E45DD-D256-04C6-D16F-A4B5264AA18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E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Livestock offtake (6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2FD74A1E-7769-F1F8-0582-AF3B6758A68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60048110"/>
              </p:ext>
            </p:extLst>
          </p:nvPr>
        </p:nvGraphicFramePr>
        <p:xfrm>
          <a:off x="486833" y="1806181"/>
          <a:ext cx="11232971" cy="4118486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158404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4990801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2541883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541883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279954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587521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4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sell goats to other off-takers in the last 1 month?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193901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4a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To whom did you sell goats?</a:t>
                      </a: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 Individual herder from my group ranch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2 = Individual herder from another group ranch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3 = Broker/trad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4 = Informal slaught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5 = Private ranch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6 = Butch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7 = Other </a:t>
                      </a: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Please specif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27995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4b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How many goats did you sell to other off-takers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27995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4c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ow many times did you sell goats to other off-takers in the last 1 month?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175685"/>
                  </a:ext>
                </a:extLst>
              </a:tr>
              <a:tr h="27995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4d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was the average price per goat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68689332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F57CD317-1AC7-F750-4A92-2D00F1936CFD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13DE7A4D-7002-867E-8126-AA811BC7AA1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74653310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  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9931DABB-FA59-91F8-1946-CAA172F1E144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98BECD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ADC21994-420A-3380-8798-542503CD1593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98BECD"/>
                </a:solidFill>
              </a:rPr>
              <a:t>E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933A7DEF-B484-BE6C-7768-DD12C9BCE886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42615" y="1044947"/>
            <a:ext cx="3433234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If yes to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4</a:t>
            </a:r>
            <a:r>
              <a:rPr lang="en-US" sz="1200" kern="100" dirty="0">
                <a:ea typeface="Calibri" panose="020F0502020204030204" pitchFamily="34" charset="0"/>
                <a:cs typeface="Arial" panose="020B0604020202020204" pitchFamily="34" charset="0"/>
              </a:rPr>
              <a:t> answer E4a to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3J</a:t>
            </a:r>
            <a:endParaRPr lang="en-US" sz="1200" kern="100" dirty="0">
              <a:ea typeface="Aptos" panose="020B00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937A744E-AE41-B3F5-1B10-092EFC8FEED5}"/>
              </a:ext>
            </a:extLst>
          </p:cNvPr>
          <p:cNvSpPr txBox="1"/>
          <p:nvPr/>
        </p:nvSpPr>
        <p:spPr>
          <a:xfrm>
            <a:off x="9289732" y="2198169"/>
            <a:ext cx="2303253" cy="985835"/>
          </a:xfrm>
          <a:prstGeom prst="rect">
            <a:avLst/>
          </a:prstGeom>
          <a:solidFill>
            <a:srgbClr val="C00000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tx1"/>
                </a:solidFill>
              </a:rPr>
              <a:t>Goats  sales to None  KPMD offtakes 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1711F152-6C7B-5D3C-AA85-3FBE348D5504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29308803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754B21B-6D2C-ACDA-FAE0-6B8AE7D8534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58458E82-62C4-FF8A-5C41-C2BE23C89BF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27875864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8458E82-62C4-FF8A-5C41-C2BE23C89BF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4ED6D97B-E9A2-C53D-3249-56FF57A5776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E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Livestock offtake (7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7A7A496F-D3FB-1ABE-6E54-7541B2B9756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71318898"/>
              </p:ext>
            </p:extLst>
          </p:nvPr>
        </p:nvGraphicFramePr>
        <p:xfrm>
          <a:off x="486834" y="1816831"/>
          <a:ext cx="10870644" cy="4700083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121039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4581260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2708452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459893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19367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432435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E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was the typical age in months of the goats when sold to other off-takers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struct the household to weigh and keep  record of SR sold to none KPMD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F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Did you weigh the goats before selling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</a:t>
                      </a:r>
                      <a:r>
                        <a:rPr lang="en-US" sz="1200" kern="1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2146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G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How were you paid by the other off-takers?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=Mobile payment (e.g., M-PESA)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Cash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2527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H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What was the transport cost to the market per goat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175685"/>
                  </a:ext>
                </a:extLst>
              </a:tr>
              <a:tr h="24765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I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breeds of goat did you sell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 </a:t>
                      </a: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Galla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Local East Africa goat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3=Cros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5=Other </a:t>
                      </a: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Please specif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888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=Don’t know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68689332"/>
                  </a:ext>
                </a:extLst>
              </a:tr>
              <a:tr h="2146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3J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How were you paid by the other off-takers?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=Mobile payment (e.g., M-PESA)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Cash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77162467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6030B17D-6FF5-9CC6-E7BB-D1DAC3D820A5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85B7B868-9444-0BD8-51FC-7BE5DB70770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06871072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ECF00DAD-A9FC-261B-6EAE-A96D7875DA2D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98BECD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BC08727C-6C8E-C955-7EEE-537ADD4C59C1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98BECD"/>
                </a:solidFill>
              </a:rPr>
              <a:t>E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4B6EB878-FE66-6A49-89D6-F511B2761EC9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675976" y="1000738"/>
            <a:ext cx="2743200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No skip pattern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5E7F03EB-5CF8-9C62-21CF-667F1720E572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AD6A48D2-2467-17BA-194A-A70689A9851E}"/>
              </a:ext>
            </a:extLst>
          </p:cNvPr>
          <p:cNvSpPr txBox="1"/>
          <p:nvPr/>
        </p:nvSpPr>
        <p:spPr>
          <a:xfrm>
            <a:off x="9054225" y="2853777"/>
            <a:ext cx="2303253" cy="985835"/>
          </a:xfrm>
          <a:prstGeom prst="rect">
            <a:avLst/>
          </a:prstGeom>
          <a:solidFill>
            <a:srgbClr val="C00000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tx1"/>
                </a:solidFill>
              </a:rPr>
              <a:t>Goats  sales to None  KPMD offtakes </a:t>
            </a:r>
          </a:p>
        </p:txBody>
      </p:sp>
    </p:spTree>
    <p:extLst>
      <p:ext uri="{BB962C8B-B14F-4D97-AF65-F5344CB8AC3E}">
        <p14:creationId xmlns:p14="http://schemas.microsoft.com/office/powerpoint/2010/main" val="15547604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97A9EEE-B99A-77C5-9C3E-25458C6CF37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F715CD7D-9C2E-EC45-C0DC-7711D83137F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00224049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7772400" imgH="10058400" progId="TCLayout.ActiveDocument.1">
                  <p:embed/>
                </p:oleObj>
              </mc:Choice>
              <mc:Fallback>
                <p:oleObj name="think-cell Slide" r:id="rId5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715CD7D-9C2E-EC45-C0DC-7711D83137F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1967A745-DF51-9106-09E8-F8F23EABEA8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F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Market access (1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5425062E-56C6-8D5F-1D70-84B213490ADD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00175695"/>
              </p:ext>
            </p:extLst>
          </p:nvPr>
        </p:nvGraphicFramePr>
        <p:xfrm>
          <a:off x="486834" y="1913386"/>
          <a:ext cx="10870644" cy="1312165"/>
        </p:xfrm>
        <a:graphic>
          <a:graphicData uri="http://schemas.openxmlformats.org/drawingml/2006/table">
            <a:tbl>
              <a:tblPr firstRow="1" firstCol="1" bandRow="1">
                <a:solidFill>
                  <a:srgbClr val="DDFBEC"/>
                </a:solidFill>
                <a:tableStyleId>{5C22544A-7EE6-4342-B048-85BDC9FD1C3A}</a:tableStyleId>
              </a:tblPr>
              <a:tblGrid>
                <a:gridCol w="1121039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4829819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2459893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459893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19367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432435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F1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Times New Roman" panose="02020603050405020304" pitchFamily="18" charset="0"/>
                          <a:cs typeface="Arial" panose="020B0604020202020204" pitchFamily="34" charset="0"/>
                        </a:rPr>
                        <a:t>How far did you  sell small ruminants  livestock in the last 1 month 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Kilometers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nclude value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2146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F2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id you get information about livestock prices prior to selling in the last three months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0546A7C3-FE70-4D70-B8F8-914C2DC85BC4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674973D5-0A2F-5763-0FF1-18DBF16515D7}"/>
              </a:ext>
            </a:extLst>
          </p:cNvPr>
          <p:cNvGraphicFramePr>
            <a:graphicFrameLocks noGrp="1"/>
          </p:cNvGraphicFramePr>
          <p:nvPr/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 + baseline data using mobile number to pre-populate additional information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BDE7AC58-733A-29B7-9B79-808CAD4216BA}"/>
              </a:ext>
            </a:extLst>
          </p:cNvPr>
          <p:cNvSpPr txBox="1"/>
          <p:nvPr/>
        </p:nvSpPr>
        <p:spPr>
          <a:xfrm>
            <a:off x="9738605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rgbClr val="5393AB"/>
                </a:solidFill>
              </a:rPr>
              <a:t>Total Questions: 10 </a:t>
            </a:r>
          </a:p>
        </p:txBody>
      </p:sp>
      <p:sp>
        <p:nvSpPr>
          <p:cNvPr id="3" name="NavigationTriangle">
            <a:extLst>
              <a:ext uri="{FF2B5EF4-FFF2-40B4-BE49-F238E27FC236}">
                <a16:creationId xmlns:a16="http://schemas.microsoft.com/office/drawing/2014/main" id="{2A70818D-D7B1-B9B9-6B32-A20BFEEB7E3F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670F31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4" name="NavigationIcon">
            <a:extLst>
              <a:ext uri="{FF2B5EF4-FFF2-40B4-BE49-F238E27FC236}">
                <a16:creationId xmlns:a16="http://schemas.microsoft.com/office/drawing/2014/main" id="{175080E8-8372-E009-6135-A23591D40983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>
                <a:solidFill>
                  <a:srgbClr val="670F31"/>
                </a:solidFill>
              </a:rPr>
              <a:t>F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30341940-7E9F-3DF5-E79F-38EFEE8DBE3C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14751861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40DE104-5200-C0EC-3C43-F17B2BE78AB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F289E759-3E40-1FAA-652A-2D29EB22CE2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289E759-3E40-1FAA-652A-2D29EB22CE2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FB9BFBF6-C174-24DE-2C5D-98969511982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G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Gender (I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DE912B3D-9799-7B9A-8A9C-D1D4189B814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85486598"/>
              </p:ext>
            </p:extLst>
          </p:nvPr>
        </p:nvGraphicFramePr>
        <p:xfrm>
          <a:off x="479272" y="1913387"/>
          <a:ext cx="11211271" cy="3970847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163156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4977697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2535209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535209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283623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146676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G1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Times New Roman" panose="02020603050405020304" pitchFamily="18" charset="0"/>
                          <a:cs typeface="Arial" panose="020B0604020202020204" pitchFamily="34" charset="0"/>
                        </a:rPr>
                        <a:t>Who in the household makes the decision for livestock sale?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?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.=Head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2.=Spouse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3.=Daught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4= Son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5. Other memb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6. Other specify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184161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G2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o in the household uses the income from the livestock sale?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.=Head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2.=Spouse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3.=Daught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4= Son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5. Other memb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6. Other specify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D92EF5F9-1595-F53B-F496-C7F2D0F8DFBF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D643995A-ACE7-2D4E-3A47-9E8860012995}"/>
              </a:ext>
            </a:extLst>
          </p:cNvPr>
          <p:cNvSpPr txBox="1"/>
          <p:nvPr/>
        </p:nvSpPr>
        <p:spPr>
          <a:xfrm>
            <a:off x="6945086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chemeClr val="tx1"/>
                </a:solidFill>
              </a:rPr>
              <a:t>Critical path </a:t>
            </a: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742D4F24-8E7F-383D-AE38-7A0F836148BD}"/>
              </a:ext>
            </a:extLst>
          </p:cNvPr>
          <p:cNvGraphicFramePr>
            <a:graphicFrameLocks noGrp="1"/>
          </p:cNvGraphicFramePr>
          <p:nvPr/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 + baseline data using mobile number to pre-populate additional information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C43F683B-5A6E-5AC3-AB05-4246D5417CE3}"/>
              </a:ext>
            </a:extLst>
          </p:cNvPr>
          <p:cNvSpPr txBox="1"/>
          <p:nvPr/>
        </p:nvSpPr>
        <p:spPr>
          <a:xfrm>
            <a:off x="9738605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rgbClr val="5393AB"/>
                </a:solidFill>
              </a:rPr>
              <a:t>Total Questions:  </a:t>
            </a:r>
          </a:p>
        </p:txBody>
      </p:sp>
      <p:sp>
        <p:nvSpPr>
          <p:cNvPr id="15" name="NavigationTriangle">
            <a:extLst>
              <a:ext uri="{FF2B5EF4-FFF2-40B4-BE49-F238E27FC236}">
                <a16:creationId xmlns:a16="http://schemas.microsoft.com/office/drawing/2014/main" id="{927ABCBC-6C4F-27C5-A477-B0AE9A9DFF28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9B242D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6" name="NavigationIcon">
            <a:extLst>
              <a:ext uri="{FF2B5EF4-FFF2-40B4-BE49-F238E27FC236}">
                <a16:creationId xmlns:a16="http://schemas.microsoft.com/office/drawing/2014/main" id="{9E1BA4D3-DD48-AC61-8AE4-0E238BB16445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9B242D"/>
                </a:solidFill>
              </a:rPr>
              <a:t>G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DD3E1BB6-A656-731D-A3F3-403CAAAED837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42615" y="1044947"/>
            <a:ext cx="2743200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No skip logic</a:t>
            </a:r>
          </a:p>
        </p:txBody>
      </p:sp>
    </p:spTree>
    <p:extLst>
      <p:ext uri="{BB962C8B-B14F-4D97-AF65-F5344CB8AC3E}">
        <p14:creationId xmlns:p14="http://schemas.microsoft.com/office/powerpoint/2010/main" val="26604274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6E965D7-4949-1236-28B2-27E7DED3964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E240759C-1570-7B3F-C2C0-2DE702785F7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289E759-3E40-1FAA-652A-2D29EB22CE2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2BBE12A-85F4-4B4C-E6D1-1DFB7603AD7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G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Gender (II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F562606A-2D70-8C53-889D-52D61CA03374}"/>
              </a:ext>
            </a:extLst>
          </p:cNvPr>
          <p:cNvGraphicFramePr>
            <a:graphicFrameLocks noGrp="1"/>
          </p:cNvGraphicFramePr>
          <p:nvPr/>
        </p:nvGraphicFramePr>
        <p:xfrm>
          <a:off x="479272" y="1913387"/>
          <a:ext cx="11211271" cy="3970847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163156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4977697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2535209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535209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283623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146676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G1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Times New Roman" panose="02020603050405020304" pitchFamily="18" charset="0"/>
                          <a:cs typeface="Arial" panose="020B0604020202020204" pitchFamily="34" charset="0"/>
                        </a:rPr>
                        <a:t>Who in the household makes the decision for livestock sale?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?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.=Head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2.=Spouse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3.=Daught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4= Son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5. Other memb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6. Other specify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184161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G2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o in the household uses the income from the livestock sale?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.=Head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2.=Spouse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3.=Daught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4= Son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5. Other memb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6. Other specify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DB35DE30-087E-8F82-253C-88FC624E2514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08F456CE-A15F-49AE-7EE6-49A74C804647}"/>
              </a:ext>
            </a:extLst>
          </p:cNvPr>
          <p:cNvSpPr txBox="1"/>
          <p:nvPr/>
        </p:nvSpPr>
        <p:spPr>
          <a:xfrm>
            <a:off x="6945086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ritical path </a:t>
            </a: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6F1262A3-47EC-C793-5115-0DEFAC41A30C}"/>
              </a:ext>
            </a:extLst>
          </p:cNvPr>
          <p:cNvGraphicFramePr>
            <a:graphicFrameLocks noGrp="1"/>
          </p:cNvGraphicFramePr>
          <p:nvPr/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 + baseline data using mobile number to pre-populate additional information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86F14AEF-2256-5A54-636D-C4F47147BD9A}"/>
              </a:ext>
            </a:extLst>
          </p:cNvPr>
          <p:cNvSpPr txBox="1"/>
          <p:nvPr/>
        </p:nvSpPr>
        <p:spPr>
          <a:xfrm>
            <a:off x="9738605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393AB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Total Questions:  </a:t>
            </a:r>
          </a:p>
        </p:txBody>
      </p:sp>
      <p:sp>
        <p:nvSpPr>
          <p:cNvPr id="15" name="NavigationTriangle">
            <a:extLst>
              <a:ext uri="{FF2B5EF4-FFF2-40B4-BE49-F238E27FC236}">
                <a16:creationId xmlns:a16="http://schemas.microsoft.com/office/drawing/2014/main" id="{556D043B-0730-7388-1C00-233CB9A1ACB5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9B242D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6" name="NavigationIcon">
            <a:extLst>
              <a:ext uri="{FF2B5EF4-FFF2-40B4-BE49-F238E27FC236}">
                <a16:creationId xmlns:a16="http://schemas.microsoft.com/office/drawing/2014/main" id="{C055E943-4E6A-BE82-D2E5-05F9748D399F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9B242D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BD3A9D5D-7783-32AC-F5F2-FC6C48FA0F81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42615" y="1044947"/>
            <a:ext cx="2743200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  <a:sym typeface="Trebuchet MS" panose="020B0603020202020204" pitchFamily="34" charset="0"/>
              </a:rPr>
              <a:t>No skip logic</a:t>
            </a:r>
          </a:p>
        </p:txBody>
      </p:sp>
    </p:spTree>
    <p:extLst>
      <p:ext uri="{BB962C8B-B14F-4D97-AF65-F5344CB8AC3E}">
        <p14:creationId xmlns:p14="http://schemas.microsoft.com/office/powerpoint/2010/main" val="24494063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23797BB3-603A-63D8-EFC8-A828BF50369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0EC286C4-472B-64A6-6E75-683C4DEAD4E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E708794-5D18-0DCC-3B4F-8C9DFAF0A8A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62B5DEBE-6B8A-0B2C-9996-989AD073AE6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35696" y="132877"/>
            <a:ext cx="11426641" cy="365760"/>
          </a:xfrm>
        </p:spPr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H</a:t>
            </a:r>
            <a:r>
              <a:rPr lang="en-US" dirty="0">
                <a:solidFill>
                  <a:srgbClr val="5393AB"/>
                </a:solidFill>
              </a:rPr>
              <a:t>:</a:t>
            </a:r>
            <a:r>
              <a:rPr lang="en-US" sz="1800" b="1" dirty="0">
                <a:solidFill>
                  <a:srgbClr val="000000"/>
                </a:solidFill>
              </a:rPr>
              <a:t>Credit Access </a:t>
            </a:r>
          </a:p>
        </p:txBody>
      </p:sp>
      <p:sp>
        <p:nvSpPr>
          <p:cNvPr id="3" name="NavigationTriangle">
            <a:extLst>
              <a:ext uri="{FF2B5EF4-FFF2-40B4-BE49-F238E27FC236}">
                <a16:creationId xmlns:a16="http://schemas.microsoft.com/office/drawing/2014/main" id="{3C3E5C9B-C794-4D8A-97F9-D941BE8E3CE2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3E6E80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" name="NavigationIcon">
            <a:extLst>
              <a:ext uri="{FF2B5EF4-FFF2-40B4-BE49-F238E27FC236}">
                <a16:creationId xmlns:a16="http://schemas.microsoft.com/office/drawing/2014/main" id="{F68C8056-E2E6-A029-305C-C403434CE2B6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3E6E8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H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7FF09B32-B678-C69C-E50C-774E6A40957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74384944"/>
              </p:ext>
            </p:extLst>
          </p:nvPr>
        </p:nvGraphicFramePr>
        <p:xfrm>
          <a:off x="145998" y="1360543"/>
          <a:ext cx="11910306" cy="5060138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851529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3769206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4013200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1066800">
                  <a:extLst>
                    <a:ext uri="{9D8B030D-6E8A-4147-A177-3AD203B41FA5}">
                      <a16:colId xmlns:a16="http://schemas.microsoft.com/office/drawing/2014/main" val="3723134789"/>
                    </a:ext>
                  </a:extLst>
                </a:gridCol>
                <a:gridCol w="2209571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430954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 Number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480120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H1</a:t>
                      </a: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ave you or any member of your household  apply for credit  to during the last 30 days ? (either formal or informal institutions )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=Yes 0=No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686909125"/>
                  </a:ext>
                </a:extLst>
              </a:tr>
              <a:tr h="2020931">
                <a:tc row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H2</a:t>
                      </a: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What are the sources of the credit </a:t>
                      </a:r>
                      <a:r>
                        <a:rPr lang="en-US" sz="10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 to H1]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 Money lend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2=From hustle fund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3=From Mobile apps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4=From the cooperative/SACCO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5=Loan from NGO/ microcredit program 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6=From a bank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7=Chama (</a:t>
                      </a:r>
                      <a:r>
                        <a:rPr lang="en-US" sz="1200" kern="120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scas</a:t>
                      </a:r>
                      <a:r>
                        <a:rPr lang="en-US" sz="12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/table banking group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)</a:t>
                      </a:r>
                    </a:p>
                  </a:txBody>
                  <a:tcPr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0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308063970"/>
                  </a:ext>
                </a:extLst>
              </a:tr>
              <a:tr h="283203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3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Number of times  borrowed in the 30 days </a:t>
                      </a:r>
                      <a:r>
                        <a:rPr lang="en-US" sz="1000" b="1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 to H1]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rowSpan="3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8580306"/>
                  </a:ext>
                </a:extLst>
              </a:tr>
              <a:tr h="261598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4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Average value of credit borrowed in  Ksh </a:t>
                      </a:r>
                      <a:r>
                        <a:rPr lang="en-US" sz="1000" b="1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 to H1]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664366547"/>
                  </a:ext>
                </a:extLst>
              </a:tr>
              <a:tr h="261598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5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ave you ever accessed livestock insurance  in the last 30 days 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YES=1, NO=0.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6656936"/>
                  </a:ext>
                </a:extLst>
              </a:tr>
              <a:tr h="261598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6</a:t>
                      </a:r>
                    </a:p>
                  </a:txBody>
                  <a:tcP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Number of your SR livestock  insured  </a:t>
                      </a:r>
                      <a:r>
                        <a:rPr lang="en-US" sz="1000" b="1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 to H5]</a:t>
                      </a:r>
                      <a:endParaRPr lang="en-US" sz="1000" b="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628207452"/>
                  </a:ext>
                </a:extLst>
              </a:tr>
              <a:tr h="248150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7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ost of insurance premiums in Ksh </a:t>
                      </a:r>
                      <a:r>
                        <a:rPr lang="en-US" sz="1000" b="1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 to H5]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42267080"/>
                  </a:ext>
                </a:extLst>
              </a:tr>
              <a:tr h="261598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b="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99275249"/>
                  </a:ext>
                </a:extLst>
              </a:tr>
              <a:tr h="29498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66706678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A48E82A0-A3C8-BB8E-7E80-37BBB75AB4E5}"/>
              </a:ext>
            </a:extLst>
          </p:cNvPr>
          <p:cNvSpPr/>
          <p:nvPr/>
        </p:nvSpPr>
        <p:spPr>
          <a:xfrm>
            <a:off x="8170381" y="249240"/>
            <a:ext cx="239486" cy="24939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E795A7A-7164-D30D-8169-C539B8ECC75C}"/>
              </a:ext>
            </a:extLst>
          </p:cNvPr>
          <p:cNvSpPr txBox="1"/>
          <p:nvPr/>
        </p:nvSpPr>
        <p:spPr>
          <a:xfrm>
            <a:off x="8354227" y="22467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Ontime questions  </a:t>
            </a: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66CAFCC2-B835-FDAB-EEF3-C3455402BEE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58727956"/>
              </p:ext>
            </p:extLst>
          </p:nvPr>
        </p:nvGraphicFramePr>
        <p:xfrm>
          <a:off x="365706" y="563830"/>
          <a:ext cx="11690598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82025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10108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3821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229299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9F26A4D7-61ED-2E5C-8ACF-13245B592291}"/>
              </a:ext>
            </a:extLst>
          </p:cNvPr>
          <p:cNvSpPr txBox="1"/>
          <p:nvPr/>
        </p:nvSpPr>
        <p:spPr>
          <a:xfrm>
            <a:off x="9738605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393AB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Total Questions: 9 </a:t>
            </a:r>
          </a:p>
        </p:txBody>
      </p:sp>
      <p:sp>
        <p:nvSpPr>
          <p:cNvPr id="9" name="Textfeld 1">
            <a:extLst>
              <a:ext uri="{FF2B5EF4-FFF2-40B4-BE49-F238E27FC236}">
                <a16:creationId xmlns:a16="http://schemas.microsoft.com/office/drawing/2014/main" id="{A08A0363-FD67-8CE2-D281-07375D0C9C58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4078634" y="615035"/>
            <a:ext cx="4034731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  <a:sym typeface="Trebuchet MS" panose="020B0603020202020204" pitchFamily="34" charset="0"/>
              </a:rPr>
              <a:t>A1. 1… yes 2… no, If 2, then skip to slide 5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B7200216-1263-CA9E-B324-9DC6F2CFBF90}"/>
              </a:ext>
            </a:extLst>
          </p:cNvPr>
          <p:cNvSpPr/>
          <p:nvPr/>
        </p:nvSpPr>
        <p:spPr>
          <a:xfrm>
            <a:off x="6215054" y="239486"/>
            <a:ext cx="210696" cy="182676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CD5AB4A0-3E69-3388-95BB-706DADD2298D}"/>
              </a:ext>
            </a:extLst>
          </p:cNvPr>
          <p:cNvSpPr txBox="1"/>
          <p:nvPr/>
        </p:nvSpPr>
        <p:spPr>
          <a:xfrm>
            <a:off x="6398900" y="132877"/>
            <a:ext cx="1827120" cy="36576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28981246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7949B32-0583-AA1D-1265-1C6DF856F14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909159D0-BAD7-E948-8705-C3CC380D4AB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7772400" imgH="10058400" progId="TCLayout.ActiveDocument.1">
                  <p:embed/>
                </p:oleObj>
              </mc:Choice>
              <mc:Fallback>
                <p:oleObj name="think-cell Slide" r:id="rId5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EC286C4-472B-64A6-6E75-683C4DEAD4E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A2AF1A55-4C31-12C0-4955-8119A18C167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28208" y="24010"/>
            <a:ext cx="11426641" cy="365760"/>
          </a:xfrm>
        </p:spPr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I</a:t>
            </a:r>
            <a:r>
              <a:rPr lang="en-US" dirty="0">
                <a:solidFill>
                  <a:srgbClr val="5393AB"/>
                </a:solidFill>
              </a:rPr>
              <a:t>:</a:t>
            </a:r>
            <a:r>
              <a:rPr lang="en-US" sz="2000" b="1" dirty="0">
                <a:solidFill>
                  <a:srgbClr val="37373A"/>
                </a:solidFill>
              </a:rPr>
              <a:t>Food Security </a:t>
            </a:r>
            <a:r>
              <a:rPr lang="en-US" sz="1800" b="1" dirty="0">
                <a:solidFill>
                  <a:srgbClr val="37373A"/>
                </a:solidFill>
              </a:rPr>
              <a:t>R</a:t>
            </a:r>
            <a:r>
              <a:rPr lang="en-US" sz="1800" b="1" dirty="0"/>
              <a:t>educed Coping  Strategies Index</a:t>
            </a:r>
            <a:r>
              <a:rPr lang="en-US" sz="1800" b="1" dirty="0">
                <a:solidFill>
                  <a:srgbClr val="000000"/>
                </a:solidFill>
              </a:rPr>
              <a:t> (30 recall)</a:t>
            </a:r>
          </a:p>
        </p:txBody>
      </p:sp>
      <p:sp>
        <p:nvSpPr>
          <p:cNvPr id="3" name="NavigationTriangle">
            <a:extLst>
              <a:ext uri="{FF2B5EF4-FFF2-40B4-BE49-F238E27FC236}">
                <a16:creationId xmlns:a16="http://schemas.microsoft.com/office/drawing/2014/main" id="{B016327A-7C0B-CFBB-E7CF-CCA17CEA3881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3E6E80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" name="NavigationIcon">
            <a:extLst>
              <a:ext uri="{FF2B5EF4-FFF2-40B4-BE49-F238E27FC236}">
                <a16:creationId xmlns:a16="http://schemas.microsoft.com/office/drawing/2014/main" id="{FB5FED4C-3DD9-E14F-AAE9-F6D88F4E881A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3E6E8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I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96D42C6F-3322-444D-1F1D-7BBAE4A137B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11507391"/>
              </p:ext>
            </p:extLst>
          </p:nvPr>
        </p:nvGraphicFramePr>
        <p:xfrm>
          <a:off x="145998" y="1214393"/>
          <a:ext cx="11426640" cy="4828962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551240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3783041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1189569">
                  <a:extLst>
                    <a:ext uri="{9D8B030D-6E8A-4147-A177-3AD203B41FA5}">
                      <a16:colId xmlns:a16="http://schemas.microsoft.com/office/drawing/2014/main" val="2990707554"/>
                    </a:ext>
                  </a:extLst>
                </a:gridCol>
                <a:gridCol w="1661107">
                  <a:extLst>
                    <a:ext uri="{9D8B030D-6E8A-4147-A177-3AD203B41FA5}">
                      <a16:colId xmlns:a16="http://schemas.microsoft.com/office/drawing/2014/main" val="896984965"/>
                    </a:ext>
                  </a:extLst>
                </a:gridCol>
                <a:gridCol w="1532508">
                  <a:extLst>
                    <a:ext uri="{9D8B030D-6E8A-4147-A177-3AD203B41FA5}">
                      <a16:colId xmlns:a16="http://schemas.microsoft.com/office/drawing/2014/main" val="1914995176"/>
                    </a:ext>
                  </a:extLst>
                </a:gridCol>
                <a:gridCol w="1333848">
                  <a:extLst>
                    <a:ext uri="{9D8B030D-6E8A-4147-A177-3AD203B41FA5}">
                      <a16:colId xmlns:a16="http://schemas.microsoft.com/office/drawing/2014/main" val="3219985768"/>
                    </a:ext>
                  </a:extLst>
                </a:gridCol>
                <a:gridCol w="1375327">
                  <a:extLst>
                    <a:ext uri="{9D8B030D-6E8A-4147-A177-3AD203B41FA5}">
                      <a16:colId xmlns:a16="http://schemas.microsoft.com/office/drawing/2014/main" val="3723134789"/>
                    </a:ext>
                  </a:extLst>
                </a:gridCol>
              </a:tblGrid>
              <a:tr h="772128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 Number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5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547451">
                <a:tc row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I1</a:t>
                      </a: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past 30 days, did you worry that your household would not have enough food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=Yes 0=No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686909125"/>
                  </a:ext>
                </a:extLst>
              </a:tr>
              <a:tr h="54745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ast 30 days, how often did your household do the following when food was not enough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 = Never (0 days)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 = Rarely (1–3 days)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 = Sometimes (4–10 days)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 = Often (11–20 days)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 = Very often (21–30 days)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0410862"/>
                  </a:ext>
                </a:extLst>
              </a:tr>
              <a:tr h="547451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2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past 30 days, did your household rely on less preferred or less expensive foods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547451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3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past 30 days, did your household borrow food, or rely on help from friends/relatives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8580306"/>
                  </a:ext>
                </a:extLst>
              </a:tr>
              <a:tr h="547451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4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past 30 days, did your household limit portion sizes at mealtimes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64366547"/>
                  </a:ext>
                </a:extLst>
              </a:tr>
              <a:tr h="547451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5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dirty="0"/>
                        <a:t>In the past 30 days, did your household reduce the number of meals eaten in a day?</a:t>
                      </a: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6656936"/>
                  </a:ext>
                </a:extLst>
              </a:tr>
              <a:tr h="772128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I6</a:t>
                      </a: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dirty="0"/>
                        <a:t>In the past 30 days, did adults in your household restrict their consumption so that small children could eat?</a:t>
                      </a:r>
                      <a:endParaRPr lang="en-US" sz="1000" b="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628207452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895F86ED-1CB1-96BE-A6C2-AEB239CF1AB3}"/>
              </a:ext>
            </a:extLst>
          </p:cNvPr>
          <p:cNvSpPr/>
          <p:nvPr/>
        </p:nvSpPr>
        <p:spPr>
          <a:xfrm>
            <a:off x="8170381" y="249240"/>
            <a:ext cx="239486" cy="24939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F5CD77E1-4897-AC97-AA1A-A3DFCB19DF64}"/>
              </a:ext>
            </a:extLst>
          </p:cNvPr>
          <p:cNvSpPr txBox="1"/>
          <p:nvPr/>
        </p:nvSpPr>
        <p:spPr>
          <a:xfrm>
            <a:off x="8354227" y="22467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Ontime questions  </a:t>
            </a: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1A06A575-22AB-7FB1-D014-DD9A9BAAA23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997493114"/>
              </p:ext>
            </p:extLst>
          </p:nvPr>
        </p:nvGraphicFramePr>
        <p:xfrm>
          <a:off x="355404" y="549775"/>
          <a:ext cx="11690598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82025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10108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3821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229299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5728285F-6B6D-42F4-BC9F-6578C5652CD1}"/>
              </a:ext>
            </a:extLst>
          </p:cNvPr>
          <p:cNvSpPr txBox="1"/>
          <p:nvPr/>
        </p:nvSpPr>
        <p:spPr>
          <a:xfrm>
            <a:off x="9738605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393AB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Total Questions: 9 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E59040EB-3607-3C74-86F4-F1B97A3E3BF1}"/>
              </a:ext>
            </a:extLst>
          </p:cNvPr>
          <p:cNvSpPr/>
          <p:nvPr/>
        </p:nvSpPr>
        <p:spPr>
          <a:xfrm>
            <a:off x="8744505" y="56810"/>
            <a:ext cx="210696" cy="182676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AD1DFD27-C8D9-892D-08B1-FB9372FA77F2}"/>
              </a:ext>
            </a:extLst>
          </p:cNvPr>
          <p:cNvSpPr txBox="1"/>
          <p:nvPr/>
        </p:nvSpPr>
        <p:spPr>
          <a:xfrm>
            <a:off x="8955201" y="-63137"/>
            <a:ext cx="1502367" cy="30262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22324013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080772B-1BEC-8F2D-6CF9-A7ABF5D2C10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D7F9CC4A-D17B-A891-AEF1-7CFF5EC579C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121203672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7772400" imgH="10058400" progId="TCLayout.ActiveDocument.1">
                  <p:embed/>
                </p:oleObj>
              </mc:Choice>
              <mc:Fallback>
                <p:oleObj name="think-cell Slide" r:id="rId5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7F9CC4A-D17B-A891-AEF1-7CFF5EC579C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02BC9C5-D303-EBEB-7B03-61D3910F76B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B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KPMD Participation (1/2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BD7B9A62-28C8-A822-86AB-033923658E7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890316339"/>
              </p:ext>
            </p:extLst>
          </p:nvPr>
        </p:nvGraphicFramePr>
        <p:xfrm>
          <a:off x="301926" y="1711585"/>
          <a:ext cx="11445376" cy="4456810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957531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4481114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4981993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1024738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45127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 Number</a:t>
                      </a:r>
                      <a:endParaRPr lang="en-US" sz="12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5393AB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1908808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B1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C9E7C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Have you received any of the following through  KPMD program? (in the past 1 month)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C9E7C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 Training </a:t>
                      </a: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on animal husbandry practices that include breeding and breed selection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Training in feed preparation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3=Training in feeding and/or forage production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4=Training in animal health care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5=Training in improved forage seeds and planting materials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6=None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C9E7C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C9E7C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1908808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37373A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2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C9E7C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Have you received any of the following through a KPMD program?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(in the past months)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C9E7C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0" strike="noStrike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Visit from a veterinarian</a:t>
                      </a:r>
                      <a:r>
                        <a:rPr lang="en-US" sz="1200" b="0" strike="noStrike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  <a:r>
                        <a:rPr lang="en-US" sz="1200" b="0" strike="noStrike" kern="1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2</a:t>
                      </a: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=Animal health services </a:t>
                      </a:r>
                      <a:r>
                        <a:rPr lang="en-US" sz="1200" kern="1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3=Deworming [medicine]</a:t>
                      </a: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  <a:r>
                        <a:rPr lang="en-US" sz="1200" kern="1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4=Vaccination and other clinical services to for animals.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5=Nutrient-rich feed to supplement relatively nutrient-deficient feed materials.</a:t>
                      </a:r>
                      <a:r>
                        <a:rPr lang="en-US" sz="1200" kern="1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6=Supply of breeding stocks 7=None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C9E7C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C9E7C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4366683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7D7E7D26-CDCC-4B10-2599-97F9822B1E1F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CBF0E7C6-78FA-8694-A45B-F7E58E9816B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658332768"/>
              </p:ext>
            </p:extLst>
          </p:nvPr>
        </p:nvGraphicFramePr>
        <p:xfrm>
          <a:off x="486834" y="977766"/>
          <a:ext cx="11203710" cy="5486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endParaRPr lang="en-US" sz="1200" b="1" i="0" u="none" kern="1200" spc="0" dirty="0">
                        <a:solidFill>
                          <a:srgbClr val="CE6B29"/>
                        </a:solidFill>
                        <a:latin typeface="Arial" panose="020B0604020202020204" pitchFamily="34" charset="0"/>
                      </a:endParaRP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 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14" name="NavigationTriangle">
            <a:extLst>
              <a:ext uri="{FF2B5EF4-FFF2-40B4-BE49-F238E27FC236}">
                <a16:creationId xmlns:a16="http://schemas.microsoft.com/office/drawing/2014/main" id="{8DF6B1DE-FA12-7017-988C-100042AD04E0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649EB4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5" name="NavigationIcon">
            <a:extLst>
              <a:ext uri="{FF2B5EF4-FFF2-40B4-BE49-F238E27FC236}">
                <a16:creationId xmlns:a16="http://schemas.microsoft.com/office/drawing/2014/main" id="{6BC99AD1-1741-97D9-20CB-90DFA3C85DEF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>
                <a:solidFill>
                  <a:srgbClr val="649EB4"/>
                </a:solidFill>
              </a:rPr>
              <a:t>B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EC246A8A-BD0F-13BE-61C9-F6159168D8DC}"/>
              </a:ext>
            </a:extLst>
          </p:cNvPr>
          <p:cNvSpPr txBox="1"/>
          <p:nvPr/>
        </p:nvSpPr>
        <p:spPr>
          <a:xfrm>
            <a:off x="6945086" y="132877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6709759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99EEC9D-7BD4-FB56-CC64-BE1854F6FC3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78FDC9D5-9520-8AEF-A607-387F1275C873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7772400" imgH="10058400" progId="TCLayout.ActiveDocument.1">
                  <p:embed/>
                </p:oleObj>
              </mc:Choice>
              <mc:Fallback>
                <p:oleObj name="think-cell Slide" r:id="rId5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EC286C4-472B-64A6-6E75-683C4DEAD4E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F522E662-E53E-2E05-9965-6525A8A2D1F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35696" y="132877"/>
            <a:ext cx="11426641" cy="365760"/>
          </a:xfrm>
        </p:spPr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J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sz="1800" b="1" dirty="0">
                <a:solidFill>
                  <a:srgbClr val="000000"/>
                </a:solidFill>
              </a:rPr>
              <a:t>Coping capacity through drought cycles</a:t>
            </a:r>
          </a:p>
        </p:txBody>
      </p:sp>
      <p:sp>
        <p:nvSpPr>
          <p:cNvPr id="3" name="NavigationTriangle">
            <a:extLst>
              <a:ext uri="{FF2B5EF4-FFF2-40B4-BE49-F238E27FC236}">
                <a16:creationId xmlns:a16="http://schemas.microsoft.com/office/drawing/2014/main" id="{4A32583C-6755-586D-923B-EBF9237B25A4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3E6E80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" name="NavigationIcon">
            <a:extLst>
              <a:ext uri="{FF2B5EF4-FFF2-40B4-BE49-F238E27FC236}">
                <a16:creationId xmlns:a16="http://schemas.microsoft.com/office/drawing/2014/main" id="{4FF0FA2B-BA7A-3DB2-401B-2872C3893CA6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600" b="1" dirty="0">
                <a:solidFill>
                  <a:srgbClr val="3E6E80"/>
                </a:solidFill>
                <a:latin typeface="Arial" panose="020B0604020202020204"/>
              </a:rPr>
              <a:t>J</a:t>
            </a:r>
            <a:endParaRPr kumimoji="0" lang="en-US" sz="1600" b="1" i="0" u="none" strike="noStrike" kern="1200" cap="none" spc="0" normalizeH="0" baseline="0" noProof="0" dirty="0">
              <a:ln>
                <a:noFill/>
              </a:ln>
              <a:solidFill>
                <a:srgbClr val="3E6E80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79155E1E-49BE-7DB9-78E8-C79A55863D9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755581575"/>
              </p:ext>
            </p:extLst>
          </p:nvPr>
        </p:nvGraphicFramePr>
        <p:xfrm>
          <a:off x="145998" y="1214393"/>
          <a:ext cx="11910306" cy="5211345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743464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3877271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4013200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08280">
                  <a:extLst>
                    <a:ext uri="{9D8B030D-6E8A-4147-A177-3AD203B41FA5}">
                      <a16:colId xmlns:a16="http://schemas.microsoft.com/office/drawing/2014/main" val="3723134789"/>
                    </a:ext>
                  </a:extLst>
                </a:gridCol>
                <a:gridCol w="3068091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433466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 Number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5393AB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0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482918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J1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ave you made any adaptation measure in the one month due to drought  shocks?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1= Yes No= 0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686909125"/>
                  </a:ext>
                </a:extLst>
              </a:tr>
              <a:tr h="2577799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J2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in J1, which  adaptation measures are you using?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 = Increased mobility (distance &amp; frequency)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2 = Purchase of fodder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3 = Change in water management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4 = Diversify to other livelihoods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5 = Banking livestock assets (sell and bank saving)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6 = Herd destocking and restocking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7 = Reduce herd size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8=Use stored fodder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9 = Other, specify</a:t>
                      </a:r>
                    </a:p>
                  </a:txBody>
                  <a:tcPr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1420461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J3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 No J1, why not?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 = Expensive/lack money</a:t>
                      </a:r>
                    </a:p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2 = Shortage of </a:t>
                      </a:r>
                      <a:r>
                        <a:rPr lang="en-US" sz="1000" kern="100" dirty="0" err="1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bour</a:t>
                      </a: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3 = Do not know what to do</a:t>
                      </a:r>
                    </a:p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4 = Do not see any need</a:t>
                      </a:r>
                    </a:p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5 = Other, specify</a:t>
                      </a:r>
                    </a:p>
                  </a:txBody>
                  <a:tcP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0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8580306"/>
                  </a:ext>
                </a:extLst>
              </a:tr>
              <a:tr h="296701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66706678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35D544F2-7ABA-F1A9-EE3C-059DCE67D5E5}"/>
              </a:ext>
            </a:extLst>
          </p:cNvPr>
          <p:cNvSpPr/>
          <p:nvPr/>
        </p:nvSpPr>
        <p:spPr>
          <a:xfrm>
            <a:off x="8170381" y="249240"/>
            <a:ext cx="239486" cy="24939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2C191FE1-B1CC-2A8E-CCA6-F3697BD189B3}"/>
              </a:ext>
            </a:extLst>
          </p:cNvPr>
          <p:cNvSpPr txBox="1"/>
          <p:nvPr/>
        </p:nvSpPr>
        <p:spPr>
          <a:xfrm>
            <a:off x="8354227" y="22467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Ontime questions  </a:t>
            </a: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7AEF904B-7398-8848-4E87-BEAB87E5AB69}"/>
              </a:ext>
            </a:extLst>
          </p:cNvPr>
          <p:cNvGraphicFramePr>
            <a:graphicFrameLocks noGrp="1"/>
          </p:cNvGraphicFramePr>
          <p:nvPr/>
        </p:nvGraphicFramePr>
        <p:xfrm>
          <a:off x="365706" y="563830"/>
          <a:ext cx="11690598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82025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10108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3821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229299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8" name="TextBox 7">
            <a:extLst>
              <a:ext uri="{FF2B5EF4-FFF2-40B4-BE49-F238E27FC236}">
                <a16:creationId xmlns:a16="http://schemas.microsoft.com/office/drawing/2014/main" id="{0E79502F-3E0F-3544-1630-0243477566E6}"/>
              </a:ext>
            </a:extLst>
          </p:cNvPr>
          <p:cNvSpPr txBox="1"/>
          <p:nvPr/>
        </p:nvSpPr>
        <p:spPr>
          <a:xfrm>
            <a:off x="9738605" y="239486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393AB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Total Questions: 9 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6B6F5786-A9C6-BE13-97C9-4F81EAA28C3C}"/>
              </a:ext>
            </a:extLst>
          </p:cNvPr>
          <p:cNvSpPr/>
          <p:nvPr/>
        </p:nvSpPr>
        <p:spPr>
          <a:xfrm>
            <a:off x="6215054" y="239486"/>
            <a:ext cx="210696" cy="182676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41F9AF85-4709-975F-5F8D-55F2B4E1A6E2}"/>
              </a:ext>
            </a:extLst>
          </p:cNvPr>
          <p:cNvSpPr txBox="1"/>
          <p:nvPr/>
        </p:nvSpPr>
        <p:spPr>
          <a:xfrm>
            <a:off x="6398900" y="132877"/>
            <a:ext cx="1827120" cy="36576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4628716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9EE59C8-836E-9FE4-553C-FF458D1510A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AE906F13-B7FB-E77E-A522-296DFADA74F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70721544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AE906F13-B7FB-E77E-A522-296DFADA74F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75A9B25-6491-652B-C41F-0D9B78E4C5C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42924" y="197949"/>
            <a:ext cx="11106151" cy="697576"/>
          </a:xfrm>
        </p:spPr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B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KPMD Participation &amp; Fodder purchase(2/2) 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BCC880C8-06C5-BD5B-430C-39444335F02D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63435100"/>
              </p:ext>
            </p:extLst>
          </p:nvPr>
        </p:nvGraphicFramePr>
        <p:xfrm>
          <a:off x="1" y="1252338"/>
          <a:ext cx="12191999" cy="5494066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750250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6209749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3827743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1404257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8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 Number</a:t>
                      </a:r>
                      <a:endParaRPr lang="en-US" sz="8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8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8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800" kern="0" dirty="0">
                          <a:solidFill>
                            <a:srgbClr val="5393AB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8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100" kern="0" dirty="0">
                          <a:solidFill>
                            <a:srgbClr val="5393AB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100" kern="100" dirty="0">
                        <a:solidFill>
                          <a:srgbClr val="5393AB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27186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3a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incur any cost for herding in the last 1 month?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, 0= No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rowSpan="8">
                  <a:txBody>
                    <a:bodyPr/>
                    <a:lstStyle/>
                    <a:p>
                      <a:endParaRPr lang="en-US" dirty="0">
                        <a:highlight>
                          <a:srgbClr val="DDFBEC"/>
                        </a:highlight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2431891350"/>
                  </a:ext>
                </a:extLst>
              </a:tr>
              <a:tr h="27186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3b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 </a:t>
                      </a: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What was the cost of herding per month </a:t>
                      </a:r>
                      <a:r>
                        <a:rPr lang="en-US" sz="1200" b="0" i="0" u="none" kern="1200" spc="0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ksh</a:t>
                      </a: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715758557"/>
                  </a:ext>
                </a:extLst>
              </a:tr>
              <a:tr h="43780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4a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incur the cost of fencing  &amp; cleaning of pens in the last 1 month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, 0= No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115186157"/>
                  </a:ext>
                </a:extLst>
              </a:tr>
              <a:tr h="27186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4b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 What is the  total  cost </a:t>
                      </a:r>
                      <a:r>
                        <a:rPr lang="en-US" sz="1200" b="0" i="0" u="none" kern="1200" spc="0" dirty="0" err="1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ksh</a:t>
                      </a: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highlight>
                          <a:srgbClr val="FFFF00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43556430"/>
                  </a:ext>
                </a:extLst>
              </a:tr>
              <a:tr h="27186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5a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purchase fodder in the last 1 month?  If yes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, 0= No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4160632157"/>
                  </a:ext>
                </a:extLst>
              </a:tr>
              <a:tr h="451153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5b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Where did you buy feeds in the last 1month ?  </a:t>
                      </a: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in B5a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Local Markert, 2=KPMD off taker 3= Feed farmers 4= Agrovets  5=Others specify   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kern="100" dirty="0">
                        <a:solidFill>
                          <a:srgbClr val="FF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63542681"/>
                  </a:ext>
                </a:extLst>
              </a:tr>
              <a:tr h="43780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5c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What was the price per 15 kgs bale in the last 1 month? </a:t>
                      </a: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in B5a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kern="100" dirty="0">
                        <a:solidFill>
                          <a:srgbClr val="FF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93180517"/>
                  </a:ext>
                </a:extLst>
              </a:tr>
              <a:tr h="27186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5d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Number of bale purchased in the last 1 month? If yes in B5a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kern="100" dirty="0">
                        <a:solidFill>
                          <a:srgbClr val="FF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747913591"/>
                  </a:ext>
                </a:extLst>
              </a:tr>
              <a:tr h="350242">
                <a:tc>
                  <a:txBody>
                    <a:bodyPr/>
                    <a:lstStyle/>
                    <a:p>
                      <a:pPr marL="0" marR="0" algn="just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6a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just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produce any fodder?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just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, 0= No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algn="just"/>
                      <a:endParaRPr lang="en-US" dirty="0">
                        <a:highlight>
                          <a:srgbClr val="DDFBEC"/>
                        </a:highlight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195270306"/>
                  </a:ext>
                </a:extLst>
              </a:tr>
              <a:tr h="43780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6b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Quantity of feeds harvested in in the last 1 month (15 kgs bale)? </a:t>
                      </a: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</a:t>
                      </a: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6a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rowSpan="3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kern="100" dirty="0">
                        <a:solidFill>
                          <a:srgbClr val="FF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59432825"/>
                  </a:ext>
                </a:extLst>
              </a:tr>
              <a:tr h="27186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6c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sell feeds  in the last 1 month? 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  0= No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kern="100" dirty="0">
                        <a:solidFill>
                          <a:srgbClr val="FF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920596758"/>
                  </a:ext>
                </a:extLst>
              </a:tr>
              <a:tr h="437802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200" b="1" i="0" u="none" strike="noStrike" kern="1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6d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What was the price per 15 kgs bale in the last 1 month</a:t>
                      </a: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? If yes </a:t>
                      </a: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6c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vMerge="1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kern="100" dirty="0">
                        <a:solidFill>
                          <a:srgbClr val="FF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accent6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55506591"/>
                  </a:ext>
                </a:extLst>
              </a:tr>
              <a:tr h="417359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6e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Number of 15 kgs bales sold in the last 1 month B6c  </a:t>
                      </a: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B6c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b="1" kern="100" dirty="0">
                        <a:solidFill>
                          <a:schemeClr val="tx1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94379863"/>
                  </a:ext>
                </a:extLst>
              </a:tr>
              <a:tr h="451153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B6f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Where did you sell the feeds in the last 1 month? </a:t>
                      </a: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Arial" panose="020B0604020202020204" pitchFamily="34" charset="0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B6c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Local Markert, 2=KPMD off taker 3= local pastoralist  4= Agrovets  5=Others specify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ECA5B83C-2A00-F4F0-90AA-7A5947255187}"/>
              </a:ext>
            </a:extLst>
          </p:cNvPr>
          <p:cNvSpPr/>
          <p:nvPr/>
        </p:nvSpPr>
        <p:spPr>
          <a:xfrm>
            <a:off x="8810298" y="146105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C22BD1F-BAEE-832C-012F-326E96826ED2}"/>
              </a:ext>
            </a:extLst>
          </p:cNvPr>
          <p:cNvSpPr txBox="1"/>
          <p:nvPr/>
        </p:nvSpPr>
        <p:spPr>
          <a:xfrm>
            <a:off x="9049784" y="295246"/>
            <a:ext cx="2342847" cy="24939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  <a:p>
            <a:r>
              <a:rPr lang="en-US" sz="1400" b="1" dirty="0">
                <a:solidFill>
                  <a:schemeClr val="tx1"/>
                </a:solidFill>
              </a:rPr>
              <a:t> </a:t>
            </a: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AB341FE-EDEF-5EF4-1E5A-85A370201F1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927708613"/>
              </p:ext>
            </p:extLst>
          </p:nvPr>
        </p:nvGraphicFramePr>
        <p:xfrm>
          <a:off x="439648" y="562354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380119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endParaRPr lang="en-US" sz="1200" b="0" i="0" u="none" kern="1200" spc="0" dirty="0">
                        <a:solidFill>
                          <a:srgbClr val="000000"/>
                        </a:solidFill>
                        <a:latin typeface="Arial" panose="020B0604020202020204" pitchFamily="34" charset="0"/>
                      </a:endParaRP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14" name="NavigationTriangle">
            <a:extLst>
              <a:ext uri="{FF2B5EF4-FFF2-40B4-BE49-F238E27FC236}">
                <a16:creationId xmlns:a16="http://schemas.microsoft.com/office/drawing/2014/main" id="{C020EB53-3974-3031-2B7A-A677402624DD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649EB4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5" name="NavigationIcon">
            <a:extLst>
              <a:ext uri="{FF2B5EF4-FFF2-40B4-BE49-F238E27FC236}">
                <a16:creationId xmlns:a16="http://schemas.microsoft.com/office/drawing/2014/main" id="{C0A2749E-3BD8-AF07-CAA8-0807063CF454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>
                <a:solidFill>
                  <a:srgbClr val="649EB4"/>
                </a:solidFill>
              </a:rPr>
              <a:t>B</a:t>
            </a:r>
          </a:p>
        </p:txBody>
      </p:sp>
      <p:sp>
        <p:nvSpPr>
          <p:cNvPr id="4" name="Textfeld 1">
            <a:extLst>
              <a:ext uri="{FF2B5EF4-FFF2-40B4-BE49-F238E27FC236}">
                <a16:creationId xmlns:a16="http://schemas.microsoft.com/office/drawing/2014/main" id="{CDD4AC61-8082-5DBC-ECF9-ADE79838B359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610838" y="546737"/>
            <a:ext cx="10032520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kern="100" dirty="0">
                <a:solidFill>
                  <a:schemeClr val="tx1"/>
                </a:solidFill>
                <a:effectLst/>
                <a:latin typeface="+mn-lt"/>
                <a:ea typeface="Aptos" panose="020B0004020202020204" pitchFamily="34" charset="0"/>
                <a:cs typeface="Arial" panose="020B0604020202020204" pitchFamily="34" charset="0"/>
              </a:rPr>
              <a:t>If yes in </a:t>
            </a:r>
            <a:r>
              <a:rPr lang="en-US" sz="1200" b="1" kern="100" dirty="0">
                <a:solidFill>
                  <a:schemeClr val="tx1"/>
                </a:solidFill>
                <a:effectLst/>
                <a:latin typeface="+mn-lt"/>
                <a:ea typeface="Aptos" panose="020B0004020202020204" pitchFamily="34" charset="0"/>
                <a:cs typeface="Arial" panose="020B0604020202020204" pitchFamily="34" charset="0"/>
              </a:rPr>
              <a:t>B3a</a:t>
            </a:r>
            <a:r>
              <a:rPr lang="en-US" sz="1200" kern="100" dirty="0">
                <a:ea typeface="Aptos" panose="020B0004020202020204" pitchFamily="34" charset="0"/>
                <a:cs typeface="Arial" panose="020B0604020202020204" pitchFamily="34" charset="0"/>
              </a:rPr>
              <a:t> answer </a:t>
            </a:r>
            <a:r>
              <a:rPr lang="en-US" sz="1200" kern="100" dirty="0">
                <a:solidFill>
                  <a:srgbClr val="000000"/>
                </a:solidFill>
                <a:ea typeface="Aptos" panose="020B0004020202020204" pitchFamily="34" charset="0"/>
                <a:cs typeface="Arial" panose="020B0604020202020204" pitchFamily="34" charset="0"/>
              </a:rPr>
              <a:t>B3b, if yes </a:t>
            </a:r>
            <a:r>
              <a:rPr lang="en-US" sz="1200" b="1" kern="100" dirty="0">
                <a:solidFill>
                  <a:srgbClr val="000000"/>
                </a:solidFill>
                <a:ea typeface="Aptos" panose="020B0004020202020204" pitchFamily="34" charset="0"/>
                <a:cs typeface="Arial" panose="020B0604020202020204" pitchFamily="34" charset="0"/>
              </a:rPr>
              <a:t>B4a</a:t>
            </a:r>
            <a:r>
              <a:rPr lang="en-US" sz="1200" kern="100" dirty="0">
                <a:solidFill>
                  <a:srgbClr val="000000"/>
                </a:solidFill>
                <a:ea typeface="Aptos" panose="020B0004020202020204" pitchFamily="34" charset="0"/>
                <a:cs typeface="Arial" panose="020B0604020202020204" pitchFamily="34" charset="0"/>
              </a:rPr>
              <a:t> must answer B4b, if yes </a:t>
            </a:r>
            <a:r>
              <a:rPr lang="en-US" sz="1200" b="1" kern="100" dirty="0">
                <a:solidFill>
                  <a:srgbClr val="000000"/>
                </a:solidFill>
                <a:ea typeface="Aptos" panose="020B0004020202020204" pitchFamily="34" charset="0"/>
                <a:cs typeface="Arial" panose="020B0604020202020204" pitchFamily="34" charset="0"/>
              </a:rPr>
              <a:t>B5a</a:t>
            </a:r>
            <a:r>
              <a:rPr lang="en-US" sz="1200" kern="100" dirty="0">
                <a:solidFill>
                  <a:srgbClr val="000000"/>
                </a:solidFill>
                <a:ea typeface="Aptos" panose="020B0004020202020204" pitchFamily="34" charset="0"/>
                <a:cs typeface="Arial" panose="020B0604020202020204" pitchFamily="34" charset="0"/>
              </a:rPr>
              <a:t> must answer B5b B5c B5d,if yes in  </a:t>
            </a:r>
            <a:r>
              <a:rPr lang="en-US" sz="1200" b="1" kern="100" dirty="0">
                <a:solidFill>
                  <a:srgbClr val="000000"/>
                </a:solidFill>
                <a:ea typeface="Aptos" panose="020B0004020202020204" pitchFamily="34" charset="0"/>
                <a:cs typeface="Arial" panose="020B0604020202020204" pitchFamily="34" charset="0"/>
              </a:rPr>
              <a:t>B6a </a:t>
            </a:r>
            <a:r>
              <a:rPr lang="en-US" sz="1200" kern="100" dirty="0">
                <a:solidFill>
                  <a:srgbClr val="000000"/>
                </a:solidFill>
                <a:ea typeface="Aptos" panose="020B0004020202020204" pitchFamily="34" charset="0"/>
                <a:cs typeface="Arial" panose="020B0604020202020204" pitchFamily="34" charset="0"/>
              </a:rPr>
              <a:t>must answer B6b </a:t>
            </a:r>
            <a:r>
              <a:rPr lang="en-US" sz="1200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B6c B6d B6e</a:t>
            </a:r>
            <a:r>
              <a:rPr lang="en-US" sz="1200" b="1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, B6f</a:t>
            </a:r>
          </a:p>
        </p:txBody>
      </p:sp>
    </p:spTree>
    <p:extLst>
      <p:ext uri="{BB962C8B-B14F-4D97-AF65-F5344CB8AC3E}">
        <p14:creationId xmlns:p14="http://schemas.microsoft.com/office/powerpoint/2010/main" val="9095229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F2034A5-D9F4-6A2D-2605-B3D88D4BCA1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29FE10C2-F6A0-FB85-679D-D04B3C4F79C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37489162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9FE10C2-F6A0-FB85-679D-D04B3C4F79C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492233BA-93B1-6DB7-6EB0-97804DC035A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C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SR Productivity 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18C22521-CFC9-4101-4DB7-15B6962950F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813884843"/>
              </p:ext>
            </p:extLst>
          </p:nvPr>
        </p:nvGraphicFramePr>
        <p:xfrm>
          <a:off x="64294" y="1776466"/>
          <a:ext cx="11992010" cy="4604323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884612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4832259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672529">
                  <a:extLst>
                    <a:ext uri="{9D8B030D-6E8A-4147-A177-3AD203B41FA5}">
                      <a16:colId xmlns:a16="http://schemas.microsoft.com/office/drawing/2014/main" val="997722233"/>
                    </a:ext>
                  </a:extLst>
                </a:gridCol>
                <a:gridCol w="701352">
                  <a:extLst>
                    <a:ext uri="{9D8B030D-6E8A-4147-A177-3AD203B41FA5}">
                      <a16:colId xmlns:a16="http://schemas.microsoft.com/office/drawing/2014/main" val="1885582175"/>
                    </a:ext>
                  </a:extLst>
                </a:gridCol>
                <a:gridCol w="643706">
                  <a:extLst>
                    <a:ext uri="{9D8B030D-6E8A-4147-A177-3AD203B41FA5}">
                      <a16:colId xmlns:a16="http://schemas.microsoft.com/office/drawing/2014/main" val="3402684242"/>
                    </a:ext>
                  </a:extLst>
                </a:gridCol>
                <a:gridCol w="879581">
                  <a:extLst>
                    <a:ext uri="{9D8B030D-6E8A-4147-A177-3AD203B41FA5}">
                      <a16:colId xmlns:a16="http://schemas.microsoft.com/office/drawing/2014/main" val="1984132248"/>
                    </a:ext>
                  </a:extLst>
                </a:gridCol>
                <a:gridCol w="948267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429704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260879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9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9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5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9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9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9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9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9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9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404813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1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 gridSpan="5"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50" b="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o you own any sheep?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</a:t>
                      </a:r>
                    </a:p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0=No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9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87883702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2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 gridSpan="5"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50" b="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o you own any goats?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</a:t>
                      </a:r>
                    </a:p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0=No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9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42549149"/>
                  </a:ext>
                </a:extLst>
              </a:tr>
              <a:tr h="253008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Sheep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9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Goats 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9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9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27935563"/>
                  </a:ext>
                </a:extLst>
              </a:tr>
              <a:tr h="253008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Ram,-a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Ewe-b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Buck-c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oe-d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9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94208577"/>
                  </a:ext>
                </a:extLst>
              </a:tr>
              <a:tr h="398714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C3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Establishment of herd size (ram, ewe, buck and doe).</a:t>
                      </a: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ow many of each kind are owned   </a:t>
                      </a:r>
                      <a:r>
                        <a:rPr lang="en-US" sz="8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(</a:t>
                      </a:r>
                      <a:r>
                        <a:rPr lang="en-US" sz="800" i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Total present at the farm/homestead, kept away from the farm/homestead, relatives, family members &amp; friend</a:t>
                      </a:r>
                      <a:r>
                        <a:rPr lang="en-US" sz="8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)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9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9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279714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C4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uring the last 1 month, how many of each kind were born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00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9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9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175685"/>
                  </a:ext>
                </a:extLst>
              </a:tr>
              <a:tr h="274091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C5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uring the last 1 month, how many of each kind died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9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68689332"/>
                  </a:ext>
                </a:extLst>
              </a:tr>
              <a:tr h="31422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C6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ow many were lost and not found or lost to wild animals in the last 1 month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77162467"/>
                  </a:ext>
                </a:extLst>
              </a:tr>
              <a:tr h="314222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C7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ow   many were slaughtered for home consumption in the last 1 month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23626881"/>
                  </a:ext>
                </a:extLst>
              </a:tr>
              <a:tr h="309489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8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ow many SR are owned by Men in the last 1 month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highlight>
                          <a:srgbClr val="6C927C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8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highlight>
                          <a:srgbClr val="6C927C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8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5846755"/>
                  </a:ext>
                </a:extLst>
              </a:tr>
              <a:tr h="309489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9.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ow many  SR are owned &amp; controlled by Women (prob for group livestock) in the last 1 month?</a:t>
                      </a:r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highlight>
                          <a:srgbClr val="6C927C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8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highlight>
                          <a:srgbClr val="6C927C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59717A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8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28216903"/>
                  </a:ext>
                </a:extLst>
              </a:tr>
              <a:tr h="510794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C10</a:t>
                      </a:r>
                      <a:endParaRPr lang="en-US" sz="105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o you have access to water for your livestock?</a:t>
                      </a:r>
                    </a:p>
                  </a:txBody>
                  <a:tcPr>
                    <a:lnL w="12700" cmpd="sng"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05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</a:t>
                      </a:r>
                    </a:p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5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0=No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0050100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9BA81FC2-F4A5-2021-DB22-446A690DB9B5}"/>
              </a:ext>
            </a:extLst>
          </p:cNvPr>
          <p:cNvSpPr/>
          <p:nvPr/>
        </p:nvSpPr>
        <p:spPr>
          <a:xfrm>
            <a:off x="5572231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B77B1EA-6876-9479-C81D-21752E886F7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739804381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108000" marR="0" lvl="1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None/>
                        <a:tabLst/>
                        <a:defRPr/>
                      </a:pPr>
                      <a:endParaRPr lang="en-US" sz="1200" b="0" i="0" u="none" kern="1200" spc="0" dirty="0">
                        <a:solidFill>
                          <a:srgbClr val="000000"/>
                        </a:solidFill>
                        <a:latin typeface="Arial" panose="020B0604020202020204" pitchFamily="34" charset="0"/>
                      </a:endParaRP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6A689B5C-CCDD-0425-DC90-83BC663EC024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2E3558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12792138-33E4-0566-438E-92010D64099E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>
                <a:solidFill>
                  <a:srgbClr val="2E3558"/>
                </a:solidFill>
              </a:rPr>
              <a:t>C</a:t>
            </a:r>
          </a:p>
        </p:txBody>
      </p:sp>
      <p:sp>
        <p:nvSpPr>
          <p:cNvPr id="11" name="Textfeld 1">
            <a:extLst>
              <a:ext uri="{FF2B5EF4-FFF2-40B4-BE49-F238E27FC236}">
                <a16:creationId xmlns:a16="http://schemas.microsoft.com/office/drawing/2014/main" id="{0A4EC1D2-4EE2-7FB0-FB04-3FD20D088A72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42614" y="1044947"/>
            <a:ext cx="4525181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C1 &amp; C2  if yes proceed to C3 –C10 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D6770DE5-8F66-B900-FE73-E841FE4C9A90}"/>
              </a:ext>
            </a:extLst>
          </p:cNvPr>
          <p:cNvSpPr txBox="1"/>
          <p:nvPr/>
        </p:nvSpPr>
        <p:spPr>
          <a:xfrm>
            <a:off x="5782645" y="136892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6CEC5A93-ACD1-F19A-6EBF-949DE7EA1AEA}"/>
              </a:ext>
            </a:extLst>
          </p:cNvPr>
          <p:cNvSpPr txBox="1"/>
          <p:nvPr/>
        </p:nvSpPr>
        <p:spPr>
          <a:xfrm>
            <a:off x="8225178" y="260753"/>
            <a:ext cx="1981200" cy="25915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Ontime questions</a:t>
            </a:r>
            <a:r>
              <a:rPr lang="en-US" sz="1400" b="1" dirty="0">
                <a:solidFill>
                  <a:schemeClr val="tx1"/>
                </a:solidFill>
              </a:rPr>
              <a:t>  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AD6D25A6-7C49-02F7-7762-07AE00679E9C}"/>
              </a:ext>
            </a:extLst>
          </p:cNvPr>
          <p:cNvSpPr/>
          <p:nvPr/>
        </p:nvSpPr>
        <p:spPr>
          <a:xfrm>
            <a:off x="7935717" y="250120"/>
            <a:ext cx="239486" cy="24939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4D478632-1E98-A1E9-CF83-4C248561E1C6}"/>
              </a:ext>
            </a:extLst>
          </p:cNvPr>
          <p:cNvSpPr/>
          <p:nvPr/>
        </p:nvSpPr>
        <p:spPr>
          <a:xfrm>
            <a:off x="5627468" y="602947"/>
            <a:ext cx="239486" cy="249397"/>
          </a:xfrm>
          <a:prstGeom prst="rect">
            <a:avLst/>
          </a:prstGeom>
          <a:solidFill>
            <a:srgbClr val="59717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2A298030-017C-7465-4217-BC410D9ED1E0}"/>
              </a:ext>
            </a:extLst>
          </p:cNvPr>
          <p:cNvSpPr txBox="1"/>
          <p:nvPr/>
        </p:nvSpPr>
        <p:spPr>
          <a:xfrm>
            <a:off x="5846055" y="531239"/>
            <a:ext cx="2633711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Specific SR sheep/goats </a:t>
            </a:r>
          </a:p>
        </p:txBody>
      </p:sp>
    </p:spTree>
    <p:extLst>
      <p:ext uri="{BB962C8B-B14F-4D97-AF65-F5344CB8AC3E}">
        <p14:creationId xmlns:p14="http://schemas.microsoft.com/office/powerpoint/2010/main" val="36762748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BBFCF6E-CB7F-FDA3-BA22-F3662CF1E42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4A1BA43A-FCE3-9647-3071-C1007A373B4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20447804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4A1BA43A-FCE3-9647-3071-C1007A373B4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099654C-730E-1EE0-B4AC-269877F64C1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D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Animal Health (1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5CE806DE-C41F-8DA1-2844-EC4C7D017AE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95134802"/>
              </p:ext>
            </p:extLst>
          </p:nvPr>
        </p:nvGraphicFramePr>
        <p:xfrm>
          <a:off x="185058" y="1776468"/>
          <a:ext cx="11871248" cy="3628476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721964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6157807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2305160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686317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346921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28235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1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vaccinate your SR livestock in the last 1 month ? 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Yes</a:t>
                      </a:r>
                      <a:r>
                        <a:rPr lang="en-US" sz="1200" kern="1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346921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1a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How many were SR vaccinated the last 1 month ? </a:t>
                      </a:r>
                      <a:r>
                        <a:rPr lang="en-US" sz="1200" kern="10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1</a:t>
                      </a:r>
                      <a:endParaRPr lang="en-US" sz="1200" kern="100" dirty="0">
                        <a:effectLst/>
                        <a:highlight>
                          <a:srgbClr val="FFFF00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761867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1b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What was the cost of SR vaccination in KSH in the last month ? </a:t>
                      </a:r>
                      <a:r>
                        <a:rPr lang="en-US" sz="1200" kern="10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f yes D1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Per animal?]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1888858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1c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What diseases did you vaccinate SR livestock for in the last 1month?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If yes D1</a:t>
                      </a:r>
                      <a:endParaRPr lang="en-US" sz="1200" kern="100" dirty="0">
                        <a:effectLst/>
                        <a:highlight>
                          <a:srgbClr val="FFFF00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-Pleuropneumonia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2-Foot &amp;amp; Mouth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3- Sheep/goat pox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4-Blue tongue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5-Foot rot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6-Bruccela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7 -Viral vector</a:t>
                      </a:r>
                      <a:endParaRPr lang="en-US" sz="1200" strike="sngStrike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68689332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49E32481-06D6-E80D-2A52-710B5C9B9205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1DFF21AA-2AA6-B6ED-325D-FF10C0372D2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40110641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E3B19D51-8BC3-1B90-F754-D74602076D23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2E3558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6A185B5D-640D-D781-CC2B-FA6896361A90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2E3558"/>
                </a:solidFill>
              </a:rPr>
              <a:t>D</a:t>
            </a:r>
          </a:p>
        </p:txBody>
      </p:sp>
      <p:sp>
        <p:nvSpPr>
          <p:cNvPr id="4" name="Textfeld 1">
            <a:extLst>
              <a:ext uri="{FF2B5EF4-FFF2-40B4-BE49-F238E27FC236}">
                <a16:creationId xmlns:a16="http://schemas.microsoft.com/office/drawing/2014/main" id="{DA9421F5-251F-4752-93D5-22D65B030FAC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42615" y="1044948"/>
            <a:ext cx="3482528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If yes D1 must answer D1a, D1b, D1c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9CDFCAA9-DEF6-3BFA-E22F-F32A10CA139A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10071616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670AD24F-0EAF-43DB-12FB-58E46544778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3753706A-FC73-CDF9-9F98-781964DBC3C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69169093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3753706A-FC73-CDF9-9F98-781964DBC3C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897F9F6F-A253-FF02-5A99-320C36F292A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D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Animal health (2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A5090331-DC22-B0EA-1C7B-EEE4ED2F148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7123468"/>
              </p:ext>
            </p:extLst>
          </p:nvPr>
        </p:nvGraphicFramePr>
        <p:xfrm>
          <a:off x="224287" y="1776468"/>
          <a:ext cx="11832017" cy="2993329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649001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5828136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3825560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1529320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14861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2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Who performed the SR vaccinations in the last one month?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If yes D1</a:t>
                      </a:r>
                      <a:endParaRPr lang="en-US" sz="1200" kern="100" dirty="0">
                        <a:effectLst/>
                        <a:highlight>
                          <a:srgbClr val="FFFF00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</a:t>
                      </a:r>
                      <a:r>
                        <a:rPr lang="en-US" sz="1200" kern="100" dirty="0" err="1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KPMD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off-tak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2=Cooperative society 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3= NGOs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4=National or local government through community drives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5=Self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7=Other (specify)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3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treat SR for disease in the last one month?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 Yes 0=No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2146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3a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How many SR livestock were sick and treated in the last one month?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3</a:t>
                      </a:r>
                      <a:endParaRPr lang="en-US" sz="1200" kern="100" dirty="0">
                        <a:effectLst/>
                        <a:highlight>
                          <a:srgbClr val="FFFF00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24765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3b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W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at was the cost of treatment in KSH? last 1 month </a:t>
                      </a:r>
                      <a:r>
                        <a:rPr lang="en-US" sz="1200" kern="10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3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Total?] 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68689332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E92119D8-8A1D-BC11-198E-4728B5CFD3D2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1B4CF03C-5FDF-3447-E6EC-917FE276BE6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883675604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F6244061-C5D3-ED15-C45F-F7D710F66620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2E3558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210C8506-4F46-4970-2C44-9F7808991CD5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2E3558"/>
                </a:solidFill>
              </a:rPr>
              <a:t>D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B4E46C29-4632-28E2-C931-D17036A50EEE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811625" y="989661"/>
            <a:ext cx="4658185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If yes in D3 answer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D3a</a:t>
            </a:r>
            <a:r>
              <a:rPr lang="en-US" sz="1200" kern="100" dirty="0">
                <a:ea typeface="Calibri" panose="020F0502020204030204" pitchFamily="34" charset="0"/>
                <a:cs typeface="Arial" panose="020B0604020202020204" pitchFamily="34" charset="0"/>
              </a:rPr>
              <a:t>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D3b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 </a:t>
            </a:r>
            <a:r>
              <a:rPr lang="en-US" sz="1200" b="1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 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F836BFCF-D69C-2A92-2657-C23D68562764}"/>
              </a:ext>
            </a:extLst>
          </p:cNvPr>
          <p:cNvSpPr txBox="1"/>
          <p:nvPr/>
        </p:nvSpPr>
        <p:spPr>
          <a:xfrm>
            <a:off x="6945086" y="177258"/>
            <a:ext cx="2569850" cy="31162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41020678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5E4ADE1-C0F7-D941-2E45-2BA15483436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E7E91EDE-4DF9-9301-1EB0-C121CA92D5C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94079697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E7E91EDE-4DF9-9301-1EB0-C121CA92D5C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289AE8C-DA2F-CA96-798F-6C6EDDF9B2B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D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Animal health (3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84D62EF0-2554-E041-A20D-A59C892F157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29407361"/>
              </p:ext>
            </p:extLst>
          </p:nvPr>
        </p:nvGraphicFramePr>
        <p:xfrm>
          <a:off x="181842" y="1775776"/>
          <a:ext cx="11774369" cy="5190937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680800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5546495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4294032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1253042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1683112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4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What type of disease did you treat for in the last one month? </a:t>
                      </a: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3</a:t>
                      </a:r>
                      <a:endParaRPr lang="en-US" sz="1200" kern="100" dirty="0">
                        <a:effectLst/>
                        <a:highlight>
                          <a:srgbClr val="FFFF00"/>
                        </a:highlight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Contagious caprine 2=pleuropneumonia (CCPP)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3=Foot &amp; Mouth disease (FMD)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4=Blue tongue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5=Foot rot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6=Brucella </a:t>
                      </a:r>
                      <a:r>
                        <a:rPr lang="en-US" sz="1200" kern="100" dirty="0" err="1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Melitensi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7=</a:t>
                      </a:r>
                      <a:r>
                        <a:rPr lang="en-US" sz="1200" kern="100" dirty="0" err="1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Peste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des petits ruminants (PPR)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8=Sheep/goat pox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9=Orf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0= Enterotoxaemia (pulpy kidney)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Other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47122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4a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id you deworm your SR livestock in the last one month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47122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4b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What was the cost of deworming </a:t>
                      </a:r>
                      <a:r>
                        <a:rPr lang="en-US" sz="1200" kern="10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total? per SR animal? series/single shot?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in KSH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in the last one month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?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1460278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D4C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Who performed the SR livestock deworming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1=</a:t>
                      </a:r>
                      <a:r>
                        <a:rPr lang="en-US" sz="1200" kern="100" dirty="0" err="1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KPMD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off-taker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2=Cooperative society 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3= NGOs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4=National or local government through community drives </a:t>
                      </a: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5=Other (specify)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96825136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AF67905A-299C-9460-EB21-6AC99A106350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19D91BC2-D3A0-B98F-7B72-5D4350537D4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257036094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(KPMD)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0F954D1E-868F-A8A5-2066-BED6926C92D2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2E3558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775EF926-C534-DB66-CCE4-E4D97AF4E588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2E3558"/>
                </a:solidFill>
              </a:rPr>
              <a:t>D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616FD6D7-91C8-68B6-708C-88B2D9A52E7B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01854" y="1054388"/>
            <a:ext cx="5725489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If yes D4a answer </a:t>
            </a:r>
            <a:r>
              <a:rPr lang="en-US" sz="1200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D4b, D4c</a:t>
            </a:r>
            <a:endParaRPr lang="en-US" sz="1200" kern="100" dirty="0">
              <a:ea typeface="Aptos" panose="020B00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55CF1599-1D91-0134-CE1C-6C1DD48B6213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</p:spTree>
    <p:extLst>
      <p:ext uri="{BB962C8B-B14F-4D97-AF65-F5344CB8AC3E}">
        <p14:creationId xmlns:p14="http://schemas.microsoft.com/office/powerpoint/2010/main" val="708966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E88D1AFD-F7C6-97B2-01DB-F30FE287823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EB01DC54-8B42-CEB6-DBF3-EE70E7C503C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71627623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EB01DC54-8B42-CEB6-DBF3-EE70E7C503C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BC9F0FF7-A616-573A-5D78-56A24BF83DC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D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Livestock offtake (1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84E0E6CB-615F-BD14-7FF6-BA12933232D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82007051"/>
              </p:ext>
            </p:extLst>
          </p:nvPr>
        </p:nvGraphicFramePr>
        <p:xfrm>
          <a:off x="372387" y="1665588"/>
          <a:ext cx="11270971" cy="5104043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162323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5145002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2650765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312881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391189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sell sheep to KPMD off-takers in the last 1 month?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493137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a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How many sheep did you sell to KPMD off-takers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558961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b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ow many times did you sell sheep to KPMD off-takers in the last 1 month? 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283286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c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was the average price per sheep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the 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175685"/>
                  </a:ext>
                </a:extLst>
              </a:tr>
              <a:tr h="493137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d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was the typical age in months of the sheep when sold to KPMD off-takers last 1 month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68689332"/>
                  </a:ext>
                </a:extLst>
              </a:tr>
              <a:tr h="594514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c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Did you weigh the sheep before selling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0=No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77162467"/>
                  </a:ext>
                </a:extLst>
              </a:tr>
              <a:tr h="283286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d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 What was the typical weight in kilos of sheep sold last 1 month?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23626881"/>
                  </a:ext>
                </a:extLst>
              </a:tr>
              <a:tr h="804365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e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How were you paid by the KPMD off-takers?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b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</a:b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 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=Mobile payment </a:t>
                      </a:r>
                      <a:b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</a:b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(e.g., M-PESA)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Cash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0050100"/>
                  </a:ext>
                </a:extLst>
              </a:tr>
              <a:tr h="283286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f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What was the transport cost </a:t>
                      </a:r>
                      <a:r>
                        <a:rPr lang="en-US" sz="1200" kern="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to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 </a:t>
                      </a:r>
                      <a:r>
                        <a:rPr lang="en-US" sz="1200" kern="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the]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market per sheep </a:t>
                      </a:r>
                      <a:r>
                        <a:rPr lang="en-US" sz="12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2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2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566706678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98CB9688-6DB7-3B1B-D284-CA99E71A7654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74A00F94-FD50-0D4C-41C3-39BB9EE8D0C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42934093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 :</a:t>
                      </a:r>
                      <a:endParaRPr lang="en-US" sz="1200" b="1" i="0" u="none" kern="1200" spc="0" dirty="0">
                        <a:solidFill>
                          <a:srgbClr val="000000"/>
                        </a:solidFill>
                        <a:highlight>
                          <a:srgbClr val="FFFF00"/>
                        </a:highlight>
                        <a:latin typeface="Arial" panose="020B0604020202020204" pitchFamily="34" charset="0"/>
                      </a:endParaRP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2EB9017F-F8A6-2B24-E586-8A59967B9471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98BECD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49B6C956-E27E-7AEE-4EA6-7AC2906CA82F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98BECD"/>
                </a:solidFill>
              </a:rPr>
              <a:t>E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30DE32AF-9002-B363-9FC2-90F9E3752CB0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42614" y="1044948"/>
            <a:ext cx="4353385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If  </a:t>
            </a:r>
            <a:r>
              <a:rPr lang="en-US" sz="1200" b="1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yes E1 answer 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1a</a:t>
            </a:r>
            <a:r>
              <a:rPr lang="en-US" sz="1200" b="1" kern="0" dirty="0">
                <a:solidFill>
                  <a:srgbClr val="575757"/>
                </a:solidFill>
                <a:latin typeface="Arial" panose="020B0604020202020204" pitchFamily="34" charset="0"/>
                <a:ea typeface="Calibri" panose="020F050202020403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 to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1f</a:t>
            </a:r>
            <a:endParaRPr lang="en-US" sz="1200" kern="100" dirty="0">
              <a:ea typeface="Aptos" panose="020B00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7F8832CD-39DF-D375-EA71-0A8A0DB8981C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7A9C296C-708E-C8DC-FA4D-6CC98C29632B}"/>
              </a:ext>
            </a:extLst>
          </p:cNvPr>
          <p:cNvSpPr txBox="1"/>
          <p:nvPr/>
        </p:nvSpPr>
        <p:spPr>
          <a:xfrm>
            <a:off x="9401913" y="1077055"/>
            <a:ext cx="2303253" cy="609563"/>
          </a:xfrm>
          <a:prstGeom prst="rect">
            <a:avLst/>
          </a:prstGeom>
          <a:solidFill>
            <a:srgbClr val="C00000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tx1"/>
                </a:solidFill>
              </a:rPr>
              <a:t>Sheep sales to KPMD</a:t>
            </a:r>
          </a:p>
        </p:txBody>
      </p:sp>
    </p:spTree>
    <p:extLst>
      <p:ext uri="{BB962C8B-B14F-4D97-AF65-F5344CB8AC3E}">
        <p14:creationId xmlns:p14="http://schemas.microsoft.com/office/powerpoint/2010/main" val="27581577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2DB3600-8FC4-7095-D4BD-32501B9F72E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think-cell data - do not delete" hidden="1">
            <a:extLst>
              <a:ext uri="{FF2B5EF4-FFF2-40B4-BE49-F238E27FC236}">
                <a16:creationId xmlns:a16="http://schemas.microsoft.com/office/drawing/2014/main" id="{BAD92C08-1757-B096-25DB-C3D9B542A1D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61371176"/>
              </p:ext>
            </p:extLst>
          </p:nvPr>
        </p:nvGraphicFramePr>
        <p:xfrm>
          <a:off x="1588" y="1588"/>
          <a:ext cx="1227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7772400" imgH="10058400" progId="TCLayout.ActiveDocument.1">
                  <p:embed/>
                </p:oleObj>
              </mc:Choice>
              <mc:Fallback>
                <p:oleObj name="think-cell Slide" r:id="rId6" imgW="7772400" imgH="10058400" progId="TCLayout.ActiveDocument.1">
                  <p:embed/>
                  <p:pic>
                    <p:nvPicPr>
                      <p:cNvPr id="18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BAD92C08-1757-B096-25DB-C3D9B542A1D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227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ED568066-B225-64F2-23E3-6DE4DEBD379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 dirty="0">
                <a:solidFill>
                  <a:srgbClr val="5393AB"/>
                </a:solidFill>
              </a:rPr>
              <a:t>Section E</a:t>
            </a:r>
            <a:r>
              <a:rPr lang="en-US" dirty="0">
                <a:solidFill>
                  <a:srgbClr val="5393AB"/>
                </a:solidFill>
              </a:rPr>
              <a:t>: </a:t>
            </a:r>
            <a:r>
              <a:rPr lang="en-US" dirty="0">
                <a:solidFill>
                  <a:srgbClr val="000000"/>
                </a:solidFill>
              </a:rPr>
              <a:t>Livestock offtake (2)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5D830D67-FE54-36C9-5722-58CBCFBDC43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93869740"/>
              </p:ext>
            </p:extLst>
          </p:nvPr>
        </p:nvGraphicFramePr>
        <p:xfrm>
          <a:off x="112143" y="1913386"/>
          <a:ext cx="11944162" cy="4443289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905792">
                  <a:extLst>
                    <a:ext uri="{9D8B030D-6E8A-4147-A177-3AD203B41FA5}">
                      <a16:colId xmlns:a16="http://schemas.microsoft.com/office/drawing/2014/main" val="4056166605"/>
                    </a:ext>
                  </a:extLst>
                </a:gridCol>
                <a:gridCol w="4888002">
                  <a:extLst>
                    <a:ext uri="{9D8B030D-6E8A-4147-A177-3AD203B41FA5}">
                      <a16:colId xmlns:a16="http://schemas.microsoft.com/office/drawing/2014/main" val="2101444181"/>
                    </a:ext>
                  </a:extLst>
                </a:gridCol>
                <a:gridCol w="3904356">
                  <a:extLst>
                    <a:ext uri="{9D8B030D-6E8A-4147-A177-3AD203B41FA5}">
                      <a16:colId xmlns:a16="http://schemas.microsoft.com/office/drawing/2014/main" val="227182995"/>
                    </a:ext>
                  </a:extLst>
                </a:gridCol>
                <a:gridCol w="2246012">
                  <a:extLst>
                    <a:ext uri="{9D8B030D-6E8A-4147-A177-3AD203B41FA5}">
                      <a16:colId xmlns:a16="http://schemas.microsoft.com/office/drawing/2014/main" val="384377294"/>
                    </a:ext>
                  </a:extLst>
                </a:gridCol>
              </a:tblGrid>
              <a:tr h="193675"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 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Question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</a:rPr>
                        <a:t>Cod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0" dirty="0">
                          <a:solidFill>
                            <a:srgbClr val="CE6B29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reference</a:t>
                      </a:r>
                      <a:endParaRPr lang="en-US" sz="1200" kern="100" dirty="0">
                        <a:solidFill>
                          <a:srgbClr val="CE6B29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76940626"/>
                  </a:ext>
                </a:extLst>
              </a:tr>
              <a:tr h="185207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1g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breeds of sheep did you sell? </a:t>
                      </a:r>
                      <a:r>
                        <a:rPr lang="en-US" sz="1000" b="1" kern="0" dirty="0">
                          <a:effectLst/>
                          <a:highlight>
                            <a:srgbClr val="FFFF00"/>
                          </a:highlight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Select all that apply] 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Doper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2=Local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3=Cross  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4=Doper cross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5=Black head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6=Doper merino cross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7=Somali 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9=Others </a:t>
                      </a:r>
                      <a:r>
                        <a:rPr lang="en-US" sz="10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Please specify]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0"/>
                        </a:spcAft>
                        <a:buNone/>
                      </a:pP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888=Don’t know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endParaRPr lang="en-US" sz="1200" kern="100" dirty="0">
                        <a:solidFill>
                          <a:srgbClr val="000000"/>
                        </a:solidFill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86212586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Did you sell goats to KPMD off-takers in the last 1 month?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1=Yes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0=No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6668724"/>
                  </a:ext>
                </a:extLst>
              </a:tr>
              <a:tr h="2146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a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How many goats did you sell to KPMD off-takers </a:t>
                      </a: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in the last 1 month</a:t>
                      </a: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 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5848292"/>
                  </a:ext>
                </a:extLst>
              </a:tr>
              <a:tr h="2527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b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How many times did you sell goats to KPMD off-takers in the last 1 month?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80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41175685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c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was the average price per goat received </a:t>
                      </a: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68689332"/>
                  </a:ext>
                </a:extLst>
              </a:tr>
              <a:tr h="214630"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E2d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b="1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[If yes]</a:t>
                      </a: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 What was the typical age in months of the goats when sold to KPMD off-takers </a:t>
                      </a:r>
                      <a:r>
                        <a:rPr lang="en-US" sz="1000" kern="100" dirty="0"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last 1 month</a:t>
                      </a:r>
                      <a:r>
                        <a:rPr lang="en-US" sz="1000" kern="0" dirty="0"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?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000" kern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Calibri" panose="020F0502020204030204" pitchFamily="34" charset="0"/>
                          <a:cs typeface="Arial" panose="020B0604020202020204" pitchFamily="34" charset="0"/>
                        </a:rPr>
                        <a:t> </a:t>
                      </a:r>
                      <a:endParaRPr lang="en-US" sz="1000" kern="100" dirty="0">
                        <a:effectLst/>
                        <a:latin typeface="+mn-lt"/>
                        <a:ea typeface="Aptos" panose="020B0004020202020204" pitchFamily="34" charset="0"/>
                        <a:cs typeface="Arial" panose="020B0604020202020204" pitchFamily="34" charset="0"/>
                      </a:endParaRP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l">
                        <a:lnSpc>
                          <a:spcPct val="115000"/>
                        </a:lnSpc>
                        <a:spcAft>
                          <a:spcPts val="800"/>
                        </a:spcAft>
                        <a:buNone/>
                      </a:pPr>
                      <a:r>
                        <a:rPr lang="en-US" sz="1200" kern="1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Aptos" panose="020B0004020202020204" pitchFamily="34" charset="0"/>
                          <a:cs typeface="Arial" panose="020B0604020202020204" pitchFamily="34" charset="0"/>
                        </a:rPr>
                        <a:t>Cross check with payment document provided by KPMD </a:t>
                      </a:r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FBE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77162467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183BEDAB-4B77-53BC-CCCE-F700EEA17823}"/>
              </a:ext>
            </a:extLst>
          </p:cNvPr>
          <p:cNvSpPr/>
          <p:nvPr/>
        </p:nvSpPr>
        <p:spPr>
          <a:xfrm>
            <a:off x="6705600" y="239486"/>
            <a:ext cx="239486" cy="249397"/>
          </a:xfrm>
          <a:prstGeom prst="rect">
            <a:avLst/>
          </a:prstGeom>
          <a:solidFill>
            <a:srgbClr val="C9E7C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chemeClr val="bg1"/>
              </a:solidFill>
            </a:endParaRP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D89AF039-8F3C-A2F4-CA00-174949806FD1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071178910"/>
              </p:ext>
            </p:extLst>
          </p:nvPr>
        </p:nvGraphicFramePr>
        <p:xfrm>
          <a:off x="486834" y="977766"/>
          <a:ext cx="11203710" cy="731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16137">
                  <a:extLst>
                    <a:ext uri="{9D8B030D-6E8A-4147-A177-3AD203B41FA5}">
                      <a16:colId xmlns:a16="http://schemas.microsoft.com/office/drawing/2014/main" val="1989322939"/>
                    </a:ext>
                  </a:extLst>
                </a:gridCol>
                <a:gridCol w="9687573">
                  <a:extLst>
                    <a:ext uri="{9D8B030D-6E8A-4147-A177-3AD203B41FA5}">
                      <a16:colId xmlns:a16="http://schemas.microsoft.com/office/drawing/2014/main" val="3812990571"/>
                    </a:ext>
                  </a:extLst>
                </a:gridCol>
              </a:tblGrid>
              <a:tr h="125285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Survey Logic / Skips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sz="1200" dirty="0"/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80528402"/>
                  </a:ext>
                </a:extLst>
              </a:tr>
              <a:tr h="133866">
                <a:tc>
                  <a:txBody>
                    <a:bodyPr/>
                    <a:lstStyle/>
                    <a:p>
                      <a:pPr marL="0" lvl="0" indent="0" algn="l" defTabSz="914400" rtl="0" eaLnBrk="1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Trebuchet MS" panose="020B0703020202090204" pitchFamily="34" charset="0"/>
                        <a:buChar char="​"/>
                      </a:pPr>
                      <a:r>
                        <a:rPr lang="en-US" sz="1200" b="1" i="0" u="none" kern="1200" spc="0" dirty="0">
                          <a:solidFill>
                            <a:srgbClr val="CE6B29"/>
                          </a:solidFill>
                          <a:latin typeface="Arial" panose="020B0604020202020204" pitchFamily="34" charset="0"/>
                        </a:rPr>
                        <a:t>Key Details </a:t>
                      </a:r>
                    </a:p>
                  </a:txBody>
                  <a:tcPr marL="45720" marR="4572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5393AB"/>
                        </a:buClr>
                        <a:buSzPct val="100000"/>
                        <a:buFont typeface="Trebuchet MS" panose="020B0703020202090204" pitchFamily="34" charset="0"/>
                        <a:buChar char="•"/>
                        <a:tabLst/>
                        <a:defRPr/>
                      </a:pPr>
                      <a:r>
                        <a:rPr lang="en-US" sz="1200" b="0" i="0" u="none" kern="1200" spc="0" dirty="0">
                          <a:solidFill>
                            <a:srgbClr val="000000"/>
                          </a:solidFill>
                          <a:latin typeface="Arial" panose="020B0604020202020204" pitchFamily="34" charset="0"/>
                        </a:rPr>
                        <a:t>If registered, cross-reference against Unique ID</a:t>
                      </a:r>
                    </a:p>
                  </a:txBody>
                  <a:tcPr marL="45720" marR="45720" anchor="ctr">
                    <a:lnL w="12700" cmpd="sng">
                      <a:noFill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09370398"/>
                  </a:ext>
                </a:extLst>
              </a:tr>
            </a:tbl>
          </a:graphicData>
        </a:graphic>
      </p:graphicFrame>
      <p:sp>
        <p:nvSpPr>
          <p:cNvPr id="9" name="NavigationTriangle">
            <a:extLst>
              <a:ext uri="{FF2B5EF4-FFF2-40B4-BE49-F238E27FC236}">
                <a16:creationId xmlns:a16="http://schemas.microsoft.com/office/drawing/2014/main" id="{8099968C-CAE2-128B-432D-9E8EE3B3949E}"/>
              </a:ext>
            </a:extLst>
          </p:cNvPr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rgbClr val="98BECD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err="1">
              <a:solidFill>
                <a:schemeClr val="bg1"/>
              </a:solidFill>
            </a:endParaRPr>
          </a:p>
        </p:txBody>
      </p:sp>
      <p:sp>
        <p:nvSpPr>
          <p:cNvPr id="10" name="NavigationIcon">
            <a:extLst>
              <a:ext uri="{FF2B5EF4-FFF2-40B4-BE49-F238E27FC236}">
                <a16:creationId xmlns:a16="http://schemas.microsoft.com/office/drawing/2014/main" id="{7286670F-673D-985C-2F6D-51657BA0873B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1690544" y="132877"/>
            <a:ext cx="365760" cy="365760"/>
          </a:xfrm>
          <a:prstGeom prst="ellipse">
            <a:avLst/>
          </a:prstGeom>
          <a:solidFill>
            <a:schemeClr val="bg1"/>
          </a:solidFill>
          <a:ln>
            <a:noFill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 b="1" dirty="0">
                <a:solidFill>
                  <a:srgbClr val="98BECD"/>
                </a:solidFill>
              </a:rPr>
              <a:t>E</a:t>
            </a:r>
          </a:p>
        </p:txBody>
      </p:sp>
      <p:sp>
        <p:nvSpPr>
          <p:cNvPr id="3" name="Textfeld 1">
            <a:extLst>
              <a:ext uri="{FF2B5EF4-FFF2-40B4-BE49-F238E27FC236}">
                <a16:creationId xmlns:a16="http://schemas.microsoft.com/office/drawing/2014/main" id="{9D7752A4-8557-CC46-ACA8-6B53BCE011CC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1742615" y="1044948"/>
            <a:ext cx="3700242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If yes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2</a:t>
            </a:r>
            <a:r>
              <a:rPr lang="en-US" sz="1200" kern="100" dirty="0">
                <a:ea typeface="Calibri" panose="020F0502020204030204" pitchFamily="34" charset="0"/>
                <a:cs typeface="Arial" panose="020B0604020202020204" pitchFamily="34" charset="0"/>
              </a:rPr>
              <a:t> answer </a:t>
            </a:r>
            <a:r>
              <a:rPr lang="en-US" sz="1200" b="1" kern="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E2a</a:t>
            </a:r>
            <a:r>
              <a:rPr lang="en-US" sz="1200" b="1" kern="100" dirty="0">
                <a:solidFill>
                  <a:srgbClr val="000000"/>
                </a:solidFill>
                <a:ea typeface="Calibri" panose="020F0502020204030204" pitchFamily="34" charset="0"/>
                <a:cs typeface="Arial" panose="020B0604020202020204" pitchFamily="34" charset="0"/>
              </a:rPr>
              <a:t> </a:t>
            </a:r>
            <a:r>
              <a:rPr lang="en-US" sz="1200" kern="100" dirty="0">
                <a:ea typeface="Calibri" panose="020F0502020204030204" pitchFamily="34" charset="0"/>
                <a:cs typeface="Arial" panose="020B0604020202020204" pitchFamily="34" charset="0"/>
              </a:rPr>
              <a:t> </a:t>
            </a:r>
            <a:r>
              <a:rPr lang="en-US" sz="1200" b="1" dirty="0">
                <a:solidFill>
                  <a:srgbClr val="575757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 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7F1131E1-76C8-4B26-EE67-FEE3AEF4DF09}"/>
              </a:ext>
            </a:extLst>
          </p:cNvPr>
          <p:cNvSpPr txBox="1"/>
          <p:nvPr/>
        </p:nvSpPr>
        <p:spPr>
          <a:xfrm>
            <a:off x="6945086" y="177258"/>
            <a:ext cx="2185269" cy="42614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nel repeat questions  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5EBD6A77-7615-0E39-BE97-2DCD2F03CC36}"/>
              </a:ext>
            </a:extLst>
          </p:cNvPr>
          <p:cNvSpPr txBox="1"/>
          <p:nvPr/>
        </p:nvSpPr>
        <p:spPr>
          <a:xfrm>
            <a:off x="9776604" y="2899627"/>
            <a:ext cx="2303253" cy="609563"/>
          </a:xfrm>
          <a:prstGeom prst="rect">
            <a:avLst/>
          </a:prstGeom>
          <a:solidFill>
            <a:srgbClr val="C00000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tx1"/>
                </a:solidFill>
              </a:rPr>
              <a:t>Sheep sales to KPMD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275EE6AA-BF18-D096-A332-2E1CEB8C0435}"/>
              </a:ext>
            </a:extLst>
          </p:cNvPr>
          <p:cNvSpPr txBox="1"/>
          <p:nvPr/>
        </p:nvSpPr>
        <p:spPr>
          <a:xfrm>
            <a:off x="7591245" y="4899804"/>
            <a:ext cx="2303253" cy="609563"/>
          </a:xfrm>
          <a:prstGeom prst="rect">
            <a:avLst/>
          </a:prstGeom>
          <a:solidFill>
            <a:srgbClr val="C00000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tx1"/>
                </a:solidFill>
              </a:rPr>
              <a:t>Goats  sales to KPMD</a:t>
            </a:r>
          </a:p>
        </p:txBody>
      </p:sp>
    </p:spTree>
    <p:extLst>
      <p:ext uri="{BB962C8B-B14F-4D97-AF65-F5344CB8AC3E}">
        <p14:creationId xmlns:p14="http://schemas.microsoft.com/office/powerpoint/2010/main" val="29243443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TYLE_ID" val="lwoT75If"/>
  <p:tag name="THINKCELLUNDODONOTDELETE" val="0"/>
  <p:tag name="EE4P_MASTERWIZARD_DRAFT" val="0"/>
  <p:tag name="EE4P_MASTERWIZARD_MARGINS" val="0"/>
  <p:tag name="THINKCELLPRESENTATIONDONOTDELETE" val="&lt;?xml version=&quot;1.0&quot; encoding=&quot;UTF-16&quot; standalone=&quot;yes&quot;?&gt;&lt;root reqver=&quot;28224&quot;&gt;&lt;version val=&quot;35704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Day&gt;&lt;m_bNumberIsYear val=&quot;0&quot;/&gt;&lt;m_strFormatTime&gt;%#d&lt;/m_strFormatTime&gt;&lt;m_yearfmt&gt;&lt;begin val=&quot;0&quot;/&gt;&lt;end val=&quot;4&quot;/&gt;&lt;/m_yearfmt&gt;&lt;/m_precDefaultDay&gt;&lt;m_precDefaultWeek&gt;&lt;m_yearfmt&gt;&lt;begin val=&quot;0&quot;/&gt;&lt;end val=&quot;4&quot;/&gt;&lt;/m_yearfmt&gt;&lt;/m_precDefaultWeek&gt;&lt;m_precDefaultMonth&gt;&lt;m_yearfmt&gt;&lt;begin val=&quot;0&quot;/&gt;&lt;end val=&quot;4&quot;/&gt;&lt;/m_yearfmt&gt;&lt;/m_precDefaultMonth&gt;&lt;m_precDefaultQuarter&gt;&lt;m_bNumberIsYear val=&quot;0&quot;/&gt;&lt;m_strFormatTime&gt;Q%5&lt;/m_strFormatTime&gt;&lt;m_yearfmt&gt;&lt;begin val=&quot;0&quot;/&gt;&lt;end val=&quot;4&quot;/&gt;&lt;/m_yearfmt&gt;&lt;/m_precDefaultQuarter&gt;&lt;m_precDefaultYear&gt;&lt;m_bNumberIsYear val=&quot;0&quot;/&gt;&lt;m_strFormatTime&gt;%Y&lt;/m_strFormatTime&gt;&lt;m_yearfmt&gt;&lt;begin val=&quot;0&quot;/&gt;&lt;end val=&quot;0&quot;/&gt;&lt;/m_yearfmt&gt;&lt;/m_precDefaultYear&gt;&lt;m_precDefaultFYDay&gt;&lt;m_yearfmt&gt;&lt;begin val=&quot;0&quot;/&gt;&lt;end val=&quot;4&quot;/&gt;&lt;/m_yearfmt&gt;&lt;/m_precDefaultFYDay&gt;&lt;m_precDefaultFYWeek&gt;&lt;m_yearfmt&gt;&lt;begin val=&quot;0&quot;/&gt;&lt;end val=&quot;4&quot;/&gt;&lt;/m_yearfmt&gt;&lt;/m_precDefaultFYWeek&gt;&lt;m_precDefaultFYMonth&gt;&lt;m_yearfmt&gt;&lt;begin val=&quot;0&quot;/&gt;&lt;end val=&quot;4&quot;/&gt;&lt;/m_yearfmt&gt;&lt;/m_precDefaultFYMonth&gt;&lt;m_precDefaultFYQuarter&gt;&lt;m_yearfmt&gt;&lt;begin val=&quot;0&quot;/&gt;&lt;end val=&quot;4&quot;/&gt;&lt;/m_yearfmt&gt;&lt;/m_precDefaultFYQuarter&gt;&lt;m_precDefaultFYYear&gt;&lt;m_yearfmt&gt;&lt;begin val=&quot;0&quot;/&gt;&lt;end val=&quot;4&quot;/&gt;&lt;/m_yearfmt&gt;&lt;/m_precDefaultFYYear&gt;&lt;m_mruColor&gt;&lt;m_vecMRU length=&quot;0&quot;/&gt;&lt;/m_mruColor&gt;&lt;m_eweekdayFirstOfWeek val=&quot;1&quot;/&gt;&lt;m_eweekdayFirstOfWorkweek val=&quot;2&quot;/&gt;&lt;m_eweekdayFirstOfWeekend val=&quot;7&quot;/&gt;&lt;/CPresentation&gt;&lt;/root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BCG Grid 16:9">
  <a:themeElements>
    <a:clrScheme name="Custom 2">
      <a:dk1>
        <a:srgbClr val="000000"/>
      </a:dk1>
      <a:lt1>
        <a:srgbClr val="FFFFFF"/>
      </a:lt1>
      <a:dk2>
        <a:srgbClr val="5393AB"/>
      </a:dk2>
      <a:lt2>
        <a:srgbClr val="F2F2F2"/>
      </a:lt2>
      <a:accent1>
        <a:srgbClr val="294955"/>
      </a:accent1>
      <a:accent2>
        <a:srgbClr val="3E6E80"/>
      </a:accent2>
      <a:accent3>
        <a:srgbClr val="FED827"/>
      </a:accent3>
      <a:accent4>
        <a:srgbClr val="5393AB"/>
      </a:accent4>
      <a:accent5>
        <a:srgbClr val="7F7F7F"/>
      </a:accent5>
      <a:accent6>
        <a:srgbClr val="DA636C"/>
      </a:accent6>
      <a:hlink>
        <a:srgbClr val="9A501E"/>
      </a:hlink>
      <a:folHlink>
        <a:srgbClr val="E4A57B"/>
      </a:folHlink>
    </a:clrScheme>
    <a:fontScheme name="Arial">
      <a:maj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>
          <a:noFill/>
          <a:prstDash val="sysDot"/>
          <a:round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lnSpc>
            <a:spcPct val="90000"/>
          </a:lnSpc>
          <a:spcAft>
            <a:spcPts val="1000"/>
          </a:spcAft>
          <a:defRPr sz="1200" dirty="0" err="1" smtClean="0">
            <a:solidFill>
              <a:schemeClr val="bg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4D57B1CBEA94454D8D2829AAA0A70324" ma:contentTypeVersion="15" ma:contentTypeDescription="Create a new document." ma:contentTypeScope="" ma:versionID="4656e4d7fed5956d5c4ba7995a0c97b8">
  <xsd:schema xmlns:xsd="http://www.w3.org/2001/XMLSchema" xmlns:xs="http://www.w3.org/2001/XMLSchema" xmlns:p="http://schemas.microsoft.com/office/2006/metadata/properties" xmlns:ns2="e8f35ab3-7ad1-43f6-a5bc-126ce56b47cc" xmlns:ns3="f83f5630-c1a3-4a4e-a1de-257c0e682ece" targetNamespace="http://schemas.microsoft.com/office/2006/metadata/properties" ma:root="true" ma:fieldsID="eca49a51bc8e046c4e52accafac22234" ns2:_="" ns3:_="">
    <xsd:import namespace="e8f35ab3-7ad1-43f6-a5bc-126ce56b47cc"/>
    <xsd:import namespace="f83f5630-c1a3-4a4e-a1de-257c0e682ece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AutoKeyPoints" minOccurs="0"/>
                <xsd:element ref="ns2:MediaServiceKeyPoints" minOccurs="0"/>
                <xsd:element ref="ns2:MediaServiceAutoTags" minOccurs="0"/>
                <xsd:element ref="ns2:MediaServiceGenerationTime" minOccurs="0"/>
                <xsd:element ref="ns2:MediaServiceEventHashCode" minOccurs="0"/>
                <xsd:element ref="ns2:MediaServiceOCR" minOccurs="0"/>
                <xsd:element ref="ns2:lcf76f155ced4ddcb4097134ff3c332f" minOccurs="0"/>
                <xsd:element ref="ns3:TaxCatchAll" minOccurs="0"/>
                <xsd:element ref="ns2:MediaServiceDateTaken" minOccurs="0"/>
                <xsd:element ref="ns2:MediaLengthInSeconds" minOccurs="0"/>
                <xsd:element ref="ns2:MediaServiceObjectDetectorVersions" minOccurs="0"/>
                <xsd:element ref="ns2:MediaServiceSearchPropertie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e8f35ab3-7ad1-43f6-a5bc-126ce56b47cc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KeyPoints" ma:index="10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1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ServiceAutoTags" ma:index="12" nillable="true" ma:displayName="Tags" ma:internalName="MediaServiceAutoTags" ma:readOnly="true">
      <xsd:simpleType>
        <xsd:restriction base="dms:Text"/>
      </xsd:simpleType>
    </xsd:element>
    <xsd:element name="MediaServiceGenerationTime" ma:index="13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4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OCR" ma:index="15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lcf76f155ced4ddcb4097134ff3c332f" ma:index="17" nillable="true" ma:taxonomy="true" ma:internalName="lcf76f155ced4ddcb4097134ff3c332f" ma:taxonomyFieldName="MediaServiceImageTags" ma:displayName="Image Tags" ma:readOnly="false" ma:fieldId="{5cf76f15-5ced-4ddc-b409-7134ff3c332f}" ma:taxonomyMulti="true" ma:sspId="c1edaf98-933d-48b7-9af8-6bdbb703d060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DateTaken" ma:index="19" nillable="true" ma:displayName="MediaServiceDateTaken" ma:hidden="true" ma:indexed="true" ma:internalName="MediaServiceDateTaken" ma:readOnly="true">
      <xsd:simpleType>
        <xsd:restriction base="dms:Text"/>
      </xsd:simpleType>
    </xsd:element>
    <xsd:element name="MediaLengthInSeconds" ma:index="20" nillable="true" ma:displayName="MediaLengthInSeconds" ma:hidden="true" ma:internalName="MediaLengthInSeconds" ma:readOnly="true">
      <xsd:simpleType>
        <xsd:restriction base="dms:Unknown"/>
      </xsd:simpleType>
    </xsd:element>
    <xsd:element name="MediaServiceObjectDetectorVersions" ma:index="21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SearchProperties" ma:index="22" nillable="true" ma:displayName="MediaServiceSearchProperties" ma:hidden="true" ma:internalName="MediaServiceSearchProperties" ma:readOnly="true">
      <xsd:simpleType>
        <xsd:restriction base="dms:Note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f83f5630-c1a3-4a4e-a1de-257c0e682ece" elementFormDefault="qualified">
    <xsd:import namespace="http://schemas.microsoft.com/office/2006/documentManagement/types"/>
    <xsd:import namespace="http://schemas.microsoft.com/office/infopath/2007/PartnerControls"/>
    <xsd:element name="TaxCatchAll" ma:index="18" nillable="true" ma:displayName="Taxonomy Catch All Column" ma:hidden="true" ma:list="{0a086759-4aed-43f5-8471-1d0d5ae6e0c7}" ma:internalName="TaxCatchAll" ma:showField="CatchAllData" ma:web="f83f5630-c1a3-4a4e-a1de-257c0e682ece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TaxCatchAll xmlns="f83f5630-c1a3-4a4e-a1de-257c0e682ece" xsi:nil="true"/>
    <lcf76f155ced4ddcb4097134ff3c332f xmlns="e8f35ab3-7ad1-43f6-a5bc-126ce56b47cc">
      <Terms xmlns="http://schemas.microsoft.com/office/infopath/2007/PartnerControls"/>
    </lcf76f155ced4ddcb4097134ff3c332f>
  </documentManagement>
</p:properties>
</file>

<file path=customXml/itemProps1.xml><?xml version="1.0" encoding="utf-8"?>
<ds:datastoreItem xmlns:ds="http://schemas.openxmlformats.org/officeDocument/2006/customXml" ds:itemID="{08341BB7-3622-466C-A69E-B3F0C53C31A1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773173D7-E65B-443B-B75E-9CC048C9AB4F}">
  <ds:schemaRefs>
    <ds:schemaRef ds:uri="e8f35ab3-7ad1-43f6-a5bc-126ce56b47cc"/>
    <ds:schemaRef ds:uri="f83f5630-c1a3-4a4e-a1de-257c0e682ece"/>
    <ds:schemaRef ds:uri="http://purl.org/dc/elements/1.1/"/>
    <ds:schemaRef ds:uri="http://purl.org/dc/terms/"/>
    <ds:schemaRef ds:uri="http://schemas.microsoft.com/internal/obd"/>
    <ds:schemaRef ds:uri="http://schemas.microsoft.com/office/2006/documentManagement/types"/>
    <ds:schemaRef ds:uri="http://schemas.microsoft.com/office/2006/metadata/contentType"/>
    <ds:schemaRef ds:uri="http://schemas.microsoft.com/office/2006/metadata/properties"/>
    <ds:schemaRef ds:uri="http://schemas.microsoft.com/office/2006/metadata/properties/metaAttributes"/>
    <ds:schemaRef ds:uri="http://schemas.microsoft.com/office/infopath/2007/PartnerControls"/>
    <ds:schemaRef ds:uri="http://schemas.openxmlformats.org/package/2006/metadata/core-properties"/>
    <ds:schemaRef ds:uri="http://www.w3.org/2001/XMLSchema"/>
  </ds:schemaRefs>
</ds:datastoreItem>
</file>

<file path=customXml/itemProps3.xml><?xml version="1.0" encoding="utf-8"?>
<ds:datastoreItem xmlns:ds="http://schemas.openxmlformats.org/officeDocument/2006/customXml" ds:itemID="{2F9FBD8E-33FA-4F9B-AD61-8E24997ADE62}">
  <ds:schemaRefs>
    <ds:schemaRef ds:uri="f83f5630-c1a3-4a4e-a1de-257c0e682ece"/>
    <ds:schemaRef ds:uri="http://purl.org/dc/terms/"/>
    <ds:schemaRef ds:uri="http://purl.org/dc/dcmitype/"/>
    <ds:schemaRef ds:uri="http://purl.org/dc/elements/1.1/"/>
    <ds:schemaRef ds:uri="http://schemas.microsoft.com/office/2006/metadata/properties"/>
    <ds:schemaRef ds:uri="http://schemas.microsoft.com/office/2006/documentManagement/types"/>
    <ds:schemaRef ds:uri="http://schemas.openxmlformats.org/package/2006/metadata/core-properties"/>
    <ds:schemaRef ds:uri="http://www.w3.org/XML/1998/namespace"/>
    <ds:schemaRef ds:uri="http://schemas.microsoft.com/office/infopath/2007/PartnerControls"/>
    <ds:schemaRef ds:uri="e8f35ab3-7ad1-43f6-a5bc-126ce56b47cc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CG_D_EN_16x9</Template>
  <TotalTime>8147</TotalTime>
  <Words>4244</Words>
  <Application>Microsoft Office PowerPoint</Application>
  <PresentationFormat>Widescreen</PresentationFormat>
  <Paragraphs>773</Paragraphs>
  <Slides>20</Slides>
  <Notes>20</Notes>
  <HiddenSlides>0</HiddenSlides>
  <MMClips>0</MMClips>
  <ScaleCrop>false</ScaleCrop>
  <HeadingPairs>
    <vt:vector size="10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0</vt:i4>
      </vt:variant>
      <vt:variant>
        <vt:lpstr>Custom Shows</vt:lpstr>
      </vt:variant>
      <vt:variant>
        <vt:i4>1</vt:i4>
      </vt:variant>
    </vt:vector>
  </HeadingPairs>
  <TitlesOfParts>
    <vt:vector size="27" baseType="lpstr">
      <vt:lpstr>Aptos</vt:lpstr>
      <vt:lpstr>Arial</vt:lpstr>
      <vt:lpstr>Calibri</vt:lpstr>
      <vt:lpstr>Trebuchet MS</vt:lpstr>
      <vt:lpstr>BCG Grid 16:9</vt:lpstr>
      <vt:lpstr>think-cell Slide</vt:lpstr>
      <vt:lpstr>Section A: Household Identification</vt:lpstr>
      <vt:lpstr>Section B: KPMD Participation (1/2)</vt:lpstr>
      <vt:lpstr>Section B: KPMD Participation &amp; Fodder purchase(2/2) </vt:lpstr>
      <vt:lpstr>Section C: SR Productivity </vt:lpstr>
      <vt:lpstr>Section D: Animal Health (1)</vt:lpstr>
      <vt:lpstr>Section D: Animal health (2)</vt:lpstr>
      <vt:lpstr>Section D: Animal health (3)</vt:lpstr>
      <vt:lpstr>Section D: Livestock offtake (1)</vt:lpstr>
      <vt:lpstr>Section E: Livestock offtake (2)</vt:lpstr>
      <vt:lpstr>Section E: Livestock offtake (3)</vt:lpstr>
      <vt:lpstr>Section E: Livestock offtake (4)</vt:lpstr>
      <vt:lpstr>Section E: Livestock offtake (5)</vt:lpstr>
      <vt:lpstr>Section E: Livestock offtake (6)</vt:lpstr>
      <vt:lpstr>Section E: Livestock offtake (7)</vt:lpstr>
      <vt:lpstr>Section F: Market access (1)</vt:lpstr>
      <vt:lpstr>Section G: Gender (I)</vt:lpstr>
      <vt:lpstr>Section G: Gender (II)</vt:lpstr>
      <vt:lpstr>Section H:Credit Access </vt:lpstr>
      <vt:lpstr>Section I:Food Security Reduced Coping  Strategies Index (30 recall)</vt:lpstr>
      <vt:lpstr>Section J: Coping capacity through drought cycles</vt:lpstr>
      <vt:lpstr>Format Guide Workshop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Instructions</dc:title>
  <dc:subject>The Boston Consulting Group</dc:subject>
  <dc:creator>EE</dc:creator>
  <cp:lastModifiedBy>Castro Gichuki</cp:lastModifiedBy>
  <cp:revision>28</cp:revision>
  <cp:lastPrinted>1999-12-31T21:00:00Z</cp:lastPrinted>
  <dcterms:created xsi:type="dcterms:W3CDTF">2025-05-08T17:29:22Z</dcterms:created>
  <dcterms:modified xsi:type="dcterms:W3CDTF">2025-09-30T17:23:4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Template Name">
    <vt:lpwstr>16x9</vt:lpwstr>
  </property>
  <property fmtid="{D5CDD505-2E9C-101B-9397-08002B2CF9AE}" pid="4" name="MSIP_Label_b0d5c4f4-7a29-4385-b7a5-afbe2154ae6f_Enabled">
    <vt:lpwstr>true</vt:lpwstr>
  </property>
  <property fmtid="{D5CDD505-2E9C-101B-9397-08002B2CF9AE}" pid="5" name="MSIP_Label_b0d5c4f4-7a29-4385-b7a5-afbe2154ae6f_SetDate">
    <vt:lpwstr>2025-05-08T17:32:42Z</vt:lpwstr>
  </property>
  <property fmtid="{D5CDD505-2E9C-101B-9397-08002B2CF9AE}" pid="6" name="MSIP_Label_b0d5c4f4-7a29-4385-b7a5-afbe2154ae6f_Method">
    <vt:lpwstr>Standard</vt:lpwstr>
  </property>
  <property fmtid="{D5CDD505-2E9C-101B-9397-08002B2CF9AE}" pid="7" name="MSIP_Label_b0d5c4f4-7a29-4385-b7a5-afbe2154ae6f_Name">
    <vt:lpwstr>Confidential</vt:lpwstr>
  </property>
  <property fmtid="{D5CDD505-2E9C-101B-9397-08002B2CF9AE}" pid="8" name="MSIP_Label_b0d5c4f4-7a29-4385-b7a5-afbe2154ae6f_SiteId">
    <vt:lpwstr>2dfb2f0b-4d21-4268-9559-72926144c918</vt:lpwstr>
  </property>
  <property fmtid="{D5CDD505-2E9C-101B-9397-08002B2CF9AE}" pid="9" name="MSIP_Label_b0d5c4f4-7a29-4385-b7a5-afbe2154ae6f_ActionId">
    <vt:lpwstr>7cf08b0d-a0c8-49da-874d-6ee80bc613b8</vt:lpwstr>
  </property>
  <property fmtid="{D5CDD505-2E9C-101B-9397-08002B2CF9AE}" pid="10" name="MSIP_Label_b0d5c4f4-7a29-4385-b7a5-afbe2154ae6f_ContentBits">
    <vt:lpwstr>0</vt:lpwstr>
  </property>
  <property fmtid="{D5CDD505-2E9C-101B-9397-08002B2CF9AE}" pid="11" name="MSIP_Label_b0d5c4f4-7a29-4385-b7a5-afbe2154ae6f_Tag">
    <vt:lpwstr>10, 3, 0, 1</vt:lpwstr>
  </property>
  <property fmtid="{D5CDD505-2E9C-101B-9397-08002B2CF9AE}" pid="12" name="ContentTypeId">
    <vt:lpwstr>0x0101004D57B1CBEA94454D8D2829AAA0A70324</vt:lpwstr>
  </property>
  <property fmtid="{D5CDD505-2E9C-101B-9397-08002B2CF9AE}" pid="13" name="MediaServiceImageTags">
    <vt:lpwstr/>
  </property>
</Properties>
</file>